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8" r:id="rId2"/>
    <p:sldId id="1949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073A0DAA-6AF3-43AB-8588-CEC1D06C72B9}" styleName="Medium Style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8025" autoAdjust="0"/>
    <p:restoredTop sz="94660"/>
  </p:normalViewPr>
  <p:slideViewPr>
    <p:cSldViewPr snapToGrid="0">
      <p:cViewPr varScale="1">
        <p:scale>
          <a:sx n="97" d="100"/>
          <a:sy n="97" d="100"/>
        </p:scale>
        <p:origin x="84" y="33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481B7548-C72A-496F-96EF-656E44B39AF9}" type="doc">
      <dgm:prSet loTypeId="urn:microsoft.com/office/officeart/2005/8/layout/defaul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en-US"/>
        </a:p>
      </dgm:t>
    </dgm:pt>
    <dgm:pt modelId="{0E35C0B0-8508-4383-A87F-CAC0E69CB9E0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600" b="1" dirty="0"/>
            <a:t>Keep satisfied</a:t>
          </a:r>
        </a:p>
      </dgm:t>
    </dgm:pt>
    <dgm:pt modelId="{0170B738-9952-4710-B110-9F330078A417}" type="parTrans" cxnId="{B1507810-780D-420C-B933-AEDAC3475B13}">
      <dgm:prSet/>
      <dgm:spPr/>
      <dgm:t>
        <a:bodyPr/>
        <a:lstStyle/>
        <a:p>
          <a:endParaRPr lang="en-US"/>
        </a:p>
      </dgm:t>
    </dgm:pt>
    <dgm:pt modelId="{1A7F7F7A-EB10-4CD3-9E28-B9276CEFAFB6}" type="sibTrans" cxnId="{B1507810-780D-420C-B933-AEDAC3475B13}">
      <dgm:prSet/>
      <dgm:spPr/>
      <dgm:t>
        <a:bodyPr/>
        <a:lstStyle/>
        <a:p>
          <a:endParaRPr lang="en-US"/>
        </a:p>
      </dgm:t>
    </dgm:pt>
    <dgm:pt modelId="{7B86B059-6F4F-4146-9F5A-12FFDAB16166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1</a:t>
          </a:r>
        </a:p>
      </dgm:t>
    </dgm:pt>
    <dgm:pt modelId="{9FEA4ED6-46A6-4DBD-B8F3-CADC3C4FEE51}" type="parTrans" cxnId="{B6F01861-149A-4BEF-B2F2-250C8DC3787D}">
      <dgm:prSet/>
      <dgm:spPr/>
      <dgm:t>
        <a:bodyPr/>
        <a:lstStyle/>
        <a:p>
          <a:endParaRPr lang="en-US"/>
        </a:p>
      </dgm:t>
    </dgm:pt>
    <dgm:pt modelId="{7303EDA5-EB35-4C98-BE19-F96438D757E4}" type="sibTrans" cxnId="{B6F01861-149A-4BEF-B2F2-250C8DC3787D}">
      <dgm:prSet/>
      <dgm:spPr/>
      <dgm:t>
        <a:bodyPr/>
        <a:lstStyle/>
        <a:p>
          <a:endParaRPr lang="en-US"/>
        </a:p>
      </dgm:t>
    </dgm:pt>
    <dgm:pt modelId="{5942690D-7A61-4A4D-9216-C2E8B8595051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2</a:t>
          </a:r>
        </a:p>
      </dgm:t>
    </dgm:pt>
    <dgm:pt modelId="{1629B18D-D198-4F41-A5FE-DA4F8A18FC41}" type="parTrans" cxnId="{36788498-B56D-4A66-B33B-DC6A8892126A}">
      <dgm:prSet/>
      <dgm:spPr/>
      <dgm:t>
        <a:bodyPr/>
        <a:lstStyle/>
        <a:p>
          <a:endParaRPr lang="en-US"/>
        </a:p>
      </dgm:t>
    </dgm:pt>
    <dgm:pt modelId="{9A24F040-FA67-4D51-A259-2D73FB07682B}" type="sibTrans" cxnId="{36788498-B56D-4A66-B33B-DC6A8892126A}">
      <dgm:prSet/>
      <dgm:spPr/>
      <dgm:t>
        <a:bodyPr/>
        <a:lstStyle/>
        <a:p>
          <a:endParaRPr lang="en-US"/>
        </a:p>
      </dgm:t>
    </dgm:pt>
    <dgm:pt modelId="{C73CBC42-91B6-457B-99B0-ABA700BFAC65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600" b="1" dirty="0"/>
            <a:t>Manage closely</a:t>
          </a:r>
        </a:p>
      </dgm:t>
    </dgm:pt>
    <dgm:pt modelId="{49DCB116-7B9E-4E85-8579-EE08DBD9477C}" type="parTrans" cxnId="{24FC6343-C0DF-4515-BE0C-A16230698CB5}">
      <dgm:prSet/>
      <dgm:spPr/>
      <dgm:t>
        <a:bodyPr/>
        <a:lstStyle/>
        <a:p>
          <a:endParaRPr lang="en-US"/>
        </a:p>
      </dgm:t>
    </dgm:pt>
    <dgm:pt modelId="{12F5718E-40C2-473B-8329-6F4B40A03739}" type="sibTrans" cxnId="{24FC6343-C0DF-4515-BE0C-A16230698CB5}">
      <dgm:prSet/>
      <dgm:spPr/>
      <dgm:t>
        <a:bodyPr/>
        <a:lstStyle/>
        <a:p>
          <a:endParaRPr lang="en-US"/>
        </a:p>
      </dgm:t>
    </dgm:pt>
    <dgm:pt modelId="{9F2E6B58-B21F-476E-BD5A-F944690FC52C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3</a:t>
          </a:r>
        </a:p>
      </dgm:t>
    </dgm:pt>
    <dgm:pt modelId="{B7F9BEA0-F6A4-49D6-BB76-2691AC55ED23}" type="parTrans" cxnId="{4E4C6A9F-AE01-4818-ACF8-F73CD7C5B131}">
      <dgm:prSet/>
      <dgm:spPr/>
      <dgm:t>
        <a:bodyPr/>
        <a:lstStyle/>
        <a:p>
          <a:endParaRPr lang="en-US"/>
        </a:p>
      </dgm:t>
    </dgm:pt>
    <dgm:pt modelId="{6CADDB6D-5DF0-4F78-971C-945242EF414E}" type="sibTrans" cxnId="{4E4C6A9F-AE01-4818-ACF8-F73CD7C5B131}">
      <dgm:prSet/>
      <dgm:spPr/>
      <dgm:t>
        <a:bodyPr/>
        <a:lstStyle/>
        <a:p>
          <a:endParaRPr lang="en-US"/>
        </a:p>
      </dgm:t>
    </dgm:pt>
    <dgm:pt modelId="{2FC246D8-5027-43F3-A830-D5D4ED8B4B83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4</a:t>
          </a:r>
        </a:p>
      </dgm:t>
    </dgm:pt>
    <dgm:pt modelId="{EF020387-8C49-4116-A035-B339E369265D}" type="parTrans" cxnId="{385502AB-64D3-4DAC-80E1-D01568597395}">
      <dgm:prSet/>
      <dgm:spPr/>
      <dgm:t>
        <a:bodyPr/>
        <a:lstStyle/>
        <a:p>
          <a:endParaRPr lang="en-US"/>
        </a:p>
      </dgm:t>
    </dgm:pt>
    <dgm:pt modelId="{5B658E0F-E06D-4139-A533-DF8B5DBA6EE6}" type="sibTrans" cxnId="{385502AB-64D3-4DAC-80E1-D01568597395}">
      <dgm:prSet/>
      <dgm:spPr/>
      <dgm:t>
        <a:bodyPr/>
        <a:lstStyle/>
        <a:p>
          <a:endParaRPr lang="en-US"/>
        </a:p>
      </dgm:t>
    </dgm:pt>
    <dgm:pt modelId="{BF7CBBB3-5F5B-45DF-A1B2-1D1FB4F9EBC3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5</a:t>
          </a:r>
        </a:p>
      </dgm:t>
    </dgm:pt>
    <dgm:pt modelId="{EF8AB460-7669-46F1-8F4B-B97757E5BAFA}" type="parTrans" cxnId="{EB478BC0-5067-498D-89D1-E6AFFA4665A0}">
      <dgm:prSet/>
      <dgm:spPr/>
      <dgm:t>
        <a:bodyPr/>
        <a:lstStyle/>
        <a:p>
          <a:endParaRPr lang="en-US"/>
        </a:p>
      </dgm:t>
    </dgm:pt>
    <dgm:pt modelId="{B85450D9-509A-431B-82E8-38B250C6DDB8}" type="sibTrans" cxnId="{EB478BC0-5067-498D-89D1-E6AFFA4665A0}">
      <dgm:prSet/>
      <dgm:spPr/>
      <dgm:t>
        <a:bodyPr/>
        <a:lstStyle/>
        <a:p>
          <a:endParaRPr lang="en-US"/>
        </a:p>
      </dgm:t>
    </dgm:pt>
    <dgm:pt modelId="{2B4818CA-700A-4EE0-A2A2-0D99D987C0C0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600" b="1" dirty="0"/>
            <a:t>Monitor</a:t>
          </a:r>
        </a:p>
      </dgm:t>
    </dgm:pt>
    <dgm:pt modelId="{8FF1F17C-486C-40F2-BF0B-0074D62274E4}" type="parTrans" cxnId="{F620B857-9ACF-4CB4-BCF7-361FBB1424B5}">
      <dgm:prSet/>
      <dgm:spPr/>
      <dgm:t>
        <a:bodyPr/>
        <a:lstStyle/>
        <a:p>
          <a:endParaRPr lang="en-US"/>
        </a:p>
      </dgm:t>
    </dgm:pt>
    <dgm:pt modelId="{B84E925E-81A8-41FB-8D0A-28410032227C}" type="sibTrans" cxnId="{F620B857-9ACF-4CB4-BCF7-361FBB1424B5}">
      <dgm:prSet/>
      <dgm:spPr/>
      <dgm:t>
        <a:bodyPr/>
        <a:lstStyle/>
        <a:p>
          <a:endParaRPr lang="en-US"/>
        </a:p>
      </dgm:t>
    </dgm:pt>
    <dgm:pt modelId="{E8C2DC81-F9ED-48E3-A4B1-6D754F81B8B6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6</a:t>
          </a:r>
        </a:p>
      </dgm:t>
    </dgm:pt>
    <dgm:pt modelId="{BEF434B9-9022-4339-B15A-61174A73F1AF}" type="parTrans" cxnId="{58367DEE-0F15-4FB0-B371-2851A8974576}">
      <dgm:prSet/>
      <dgm:spPr/>
      <dgm:t>
        <a:bodyPr/>
        <a:lstStyle/>
        <a:p>
          <a:endParaRPr lang="en-US"/>
        </a:p>
      </dgm:t>
    </dgm:pt>
    <dgm:pt modelId="{993142C2-24D9-4705-974C-C0DC36A3523B}" type="sibTrans" cxnId="{58367DEE-0F15-4FB0-B371-2851A8974576}">
      <dgm:prSet/>
      <dgm:spPr/>
      <dgm:t>
        <a:bodyPr/>
        <a:lstStyle/>
        <a:p>
          <a:endParaRPr lang="en-US"/>
        </a:p>
      </dgm:t>
    </dgm:pt>
    <dgm:pt modelId="{F7751329-9DF9-4343-9FD6-296C1C4B7BA3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600" b="1" dirty="0"/>
            <a:t>Keep informed</a:t>
          </a:r>
        </a:p>
      </dgm:t>
    </dgm:pt>
    <dgm:pt modelId="{45E4CE96-4642-4374-B2C8-B0EF150BC744}" type="parTrans" cxnId="{72540B1F-F0F1-43E5-8DCF-014BF5BBFB24}">
      <dgm:prSet/>
      <dgm:spPr/>
      <dgm:t>
        <a:bodyPr/>
        <a:lstStyle/>
        <a:p>
          <a:endParaRPr lang="en-US"/>
        </a:p>
      </dgm:t>
    </dgm:pt>
    <dgm:pt modelId="{DEE5F68F-C337-48F5-8BF0-DE2985CF75C9}" type="sibTrans" cxnId="{72540B1F-F0F1-43E5-8DCF-014BF5BBFB24}">
      <dgm:prSet/>
      <dgm:spPr/>
      <dgm:t>
        <a:bodyPr/>
        <a:lstStyle/>
        <a:p>
          <a:endParaRPr lang="en-US"/>
        </a:p>
      </dgm:t>
    </dgm:pt>
    <dgm:pt modelId="{7C8BB611-D4B6-4CBC-9207-7FE9537EB5F2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7</a:t>
          </a:r>
        </a:p>
      </dgm:t>
    </dgm:pt>
    <dgm:pt modelId="{CEB81B2B-E3F8-491B-A736-41B20988F22F}" type="parTrans" cxnId="{2A4DACA8-F847-4D0C-8AC1-84E5217BA96B}">
      <dgm:prSet/>
      <dgm:spPr/>
      <dgm:t>
        <a:bodyPr/>
        <a:lstStyle/>
        <a:p>
          <a:endParaRPr lang="en-US"/>
        </a:p>
      </dgm:t>
    </dgm:pt>
    <dgm:pt modelId="{C683D858-3413-4C79-AD12-ED3223C47BA2}" type="sibTrans" cxnId="{2A4DACA8-F847-4D0C-8AC1-84E5217BA96B}">
      <dgm:prSet/>
      <dgm:spPr/>
      <dgm:t>
        <a:bodyPr/>
        <a:lstStyle/>
        <a:p>
          <a:endParaRPr lang="en-US"/>
        </a:p>
      </dgm:t>
    </dgm:pt>
    <dgm:pt modelId="{44F9AF0B-C56E-4819-8FF4-CD6F803E5FC0}">
      <dgm:prSet phldrT="[Text]" custT="1"/>
      <dgm:spPr>
        <a:solidFill>
          <a:schemeClr val="tx1">
            <a:lumMod val="65000"/>
            <a:lumOff val="35000"/>
          </a:schemeClr>
        </a:solidFill>
      </dgm:spPr>
      <dgm:t>
        <a:bodyPr/>
        <a:lstStyle/>
        <a:p>
          <a:r>
            <a:rPr lang="en-US" sz="1200" dirty="0"/>
            <a:t>Stakeholder 8</a:t>
          </a:r>
        </a:p>
      </dgm:t>
    </dgm:pt>
    <dgm:pt modelId="{ADC5BC0C-CD9B-465E-A2CC-5506F249B0B6}" type="parTrans" cxnId="{A674627A-A6F8-4165-9E94-FEE3447255B0}">
      <dgm:prSet/>
      <dgm:spPr/>
      <dgm:t>
        <a:bodyPr/>
        <a:lstStyle/>
        <a:p>
          <a:endParaRPr lang="en-US"/>
        </a:p>
      </dgm:t>
    </dgm:pt>
    <dgm:pt modelId="{8097AE87-6EAC-4EDB-ABAA-304E0B62DD97}" type="sibTrans" cxnId="{A674627A-A6F8-4165-9E94-FEE3447255B0}">
      <dgm:prSet/>
      <dgm:spPr/>
      <dgm:t>
        <a:bodyPr/>
        <a:lstStyle/>
        <a:p>
          <a:endParaRPr lang="en-US"/>
        </a:p>
      </dgm:t>
    </dgm:pt>
    <dgm:pt modelId="{275884C4-3A3F-4193-8DE0-A5C6CC9D4C5B}" type="pres">
      <dgm:prSet presAssocID="{481B7548-C72A-496F-96EF-656E44B39AF9}" presName="diagram" presStyleCnt="0">
        <dgm:presLayoutVars>
          <dgm:dir/>
          <dgm:resizeHandles val="exact"/>
        </dgm:presLayoutVars>
      </dgm:prSet>
      <dgm:spPr/>
    </dgm:pt>
    <dgm:pt modelId="{6662052A-337A-4FE6-B1FA-D2C5A4935A67}" type="pres">
      <dgm:prSet presAssocID="{0E35C0B0-8508-4383-A87F-CAC0E69CB9E0}" presName="node" presStyleLbl="node1" presStyleIdx="0" presStyleCnt="4">
        <dgm:presLayoutVars>
          <dgm:bulletEnabled val="1"/>
        </dgm:presLayoutVars>
      </dgm:prSet>
      <dgm:spPr/>
    </dgm:pt>
    <dgm:pt modelId="{FFF4A852-769F-403D-967F-48BD13174B00}" type="pres">
      <dgm:prSet presAssocID="{1A7F7F7A-EB10-4CD3-9E28-B9276CEFAFB6}" presName="sibTrans" presStyleCnt="0"/>
      <dgm:spPr/>
    </dgm:pt>
    <dgm:pt modelId="{EF94B883-5019-4036-8B99-65AF988D4727}" type="pres">
      <dgm:prSet presAssocID="{C73CBC42-91B6-457B-99B0-ABA700BFAC65}" presName="node" presStyleLbl="node1" presStyleIdx="1" presStyleCnt="4">
        <dgm:presLayoutVars>
          <dgm:bulletEnabled val="1"/>
        </dgm:presLayoutVars>
      </dgm:prSet>
      <dgm:spPr/>
    </dgm:pt>
    <dgm:pt modelId="{5EFCB8D2-764A-4F90-8A40-8C56F05AA7F6}" type="pres">
      <dgm:prSet presAssocID="{12F5718E-40C2-473B-8329-6F4B40A03739}" presName="sibTrans" presStyleCnt="0"/>
      <dgm:spPr/>
    </dgm:pt>
    <dgm:pt modelId="{5DF7E8E8-8CE3-497A-A6AE-6D04C27DC81B}" type="pres">
      <dgm:prSet presAssocID="{2B4818CA-700A-4EE0-A2A2-0D99D987C0C0}" presName="node" presStyleLbl="node1" presStyleIdx="2" presStyleCnt="4">
        <dgm:presLayoutVars>
          <dgm:bulletEnabled val="1"/>
        </dgm:presLayoutVars>
      </dgm:prSet>
      <dgm:spPr/>
    </dgm:pt>
    <dgm:pt modelId="{6D39EB8C-77F2-4A6A-B9F4-86CB023EB170}" type="pres">
      <dgm:prSet presAssocID="{B84E925E-81A8-41FB-8D0A-28410032227C}" presName="sibTrans" presStyleCnt="0"/>
      <dgm:spPr/>
    </dgm:pt>
    <dgm:pt modelId="{950BF7B6-4B9F-46F1-8A0A-C6B5F25C191C}" type="pres">
      <dgm:prSet presAssocID="{F7751329-9DF9-4343-9FD6-296C1C4B7BA3}" presName="node" presStyleLbl="node1" presStyleIdx="3" presStyleCnt="4">
        <dgm:presLayoutVars>
          <dgm:bulletEnabled val="1"/>
        </dgm:presLayoutVars>
      </dgm:prSet>
      <dgm:spPr/>
    </dgm:pt>
  </dgm:ptLst>
  <dgm:cxnLst>
    <dgm:cxn modelId="{C20E6E07-414A-4D42-BDFF-86E4ABFB4588}" type="presOf" srcId="{7B86B059-6F4F-4146-9F5A-12FFDAB16166}" destId="{6662052A-337A-4FE6-B1FA-D2C5A4935A67}" srcOrd="0" destOrd="1" presId="urn:microsoft.com/office/officeart/2005/8/layout/default"/>
    <dgm:cxn modelId="{B1507810-780D-420C-B933-AEDAC3475B13}" srcId="{481B7548-C72A-496F-96EF-656E44B39AF9}" destId="{0E35C0B0-8508-4383-A87F-CAC0E69CB9E0}" srcOrd="0" destOrd="0" parTransId="{0170B738-9952-4710-B110-9F330078A417}" sibTransId="{1A7F7F7A-EB10-4CD3-9E28-B9276CEFAFB6}"/>
    <dgm:cxn modelId="{72540B1F-F0F1-43E5-8DCF-014BF5BBFB24}" srcId="{481B7548-C72A-496F-96EF-656E44B39AF9}" destId="{F7751329-9DF9-4343-9FD6-296C1C4B7BA3}" srcOrd="3" destOrd="0" parTransId="{45E4CE96-4642-4374-B2C8-B0EF150BC744}" sibTransId="{DEE5F68F-C337-48F5-8BF0-DE2985CF75C9}"/>
    <dgm:cxn modelId="{5F726732-581C-44A0-9350-EBB4F64E7EDA}" type="presOf" srcId="{481B7548-C72A-496F-96EF-656E44B39AF9}" destId="{275884C4-3A3F-4193-8DE0-A5C6CC9D4C5B}" srcOrd="0" destOrd="0" presId="urn:microsoft.com/office/officeart/2005/8/layout/default"/>
    <dgm:cxn modelId="{C34DB440-CAEF-448F-B90C-0EFAFBFD3DFA}" type="presOf" srcId="{2B4818CA-700A-4EE0-A2A2-0D99D987C0C0}" destId="{5DF7E8E8-8CE3-497A-A6AE-6D04C27DC81B}" srcOrd="0" destOrd="0" presId="urn:microsoft.com/office/officeart/2005/8/layout/default"/>
    <dgm:cxn modelId="{B6F01861-149A-4BEF-B2F2-250C8DC3787D}" srcId="{0E35C0B0-8508-4383-A87F-CAC0E69CB9E0}" destId="{7B86B059-6F4F-4146-9F5A-12FFDAB16166}" srcOrd="0" destOrd="0" parTransId="{9FEA4ED6-46A6-4DBD-B8F3-CADC3C4FEE51}" sibTransId="{7303EDA5-EB35-4C98-BE19-F96438D757E4}"/>
    <dgm:cxn modelId="{E9EFD042-B48E-4E11-8D47-E2C393D02EF3}" type="presOf" srcId="{0E35C0B0-8508-4383-A87F-CAC0E69CB9E0}" destId="{6662052A-337A-4FE6-B1FA-D2C5A4935A67}" srcOrd="0" destOrd="0" presId="urn:microsoft.com/office/officeart/2005/8/layout/default"/>
    <dgm:cxn modelId="{24FC6343-C0DF-4515-BE0C-A16230698CB5}" srcId="{481B7548-C72A-496F-96EF-656E44B39AF9}" destId="{C73CBC42-91B6-457B-99B0-ABA700BFAC65}" srcOrd="1" destOrd="0" parTransId="{49DCB116-7B9E-4E85-8579-EE08DBD9477C}" sibTransId="{12F5718E-40C2-473B-8329-6F4B40A03739}"/>
    <dgm:cxn modelId="{F620B857-9ACF-4CB4-BCF7-361FBB1424B5}" srcId="{481B7548-C72A-496F-96EF-656E44B39AF9}" destId="{2B4818CA-700A-4EE0-A2A2-0D99D987C0C0}" srcOrd="2" destOrd="0" parTransId="{8FF1F17C-486C-40F2-BF0B-0074D62274E4}" sibTransId="{B84E925E-81A8-41FB-8D0A-28410032227C}"/>
    <dgm:cxn modelId="{A674627A-A6F8-4165-9E94-FEE3447255B0}" srcId="{F7751329-9DF9-4343-9FD6-296C1C4B7BA3}" destId="{44F9AF0B-C56E-4819-8FF4-CD6F803E5FC0}" srcOrd="1" destOrd="0" parTransId="{ADC5BC0C-CD9B-465E-A2CC-5506F249B0B6}" sibTransId="{8097AE87-6EAC-4EDB-ABAA-304E0B62DD97}"/>
    <dgm:cxn modelId="{22F80C91-A24D-40A5-BEEC-D13A9449E402}" type="presOf" srcId="{E8C2DC81-F9ED-48E3-A4B1-6D754F81B8B6}" destId="{5DF7E8E8-8CE3-497A-A6AE-6D04C27DC81B}" srcOrd="0" destOrd="1" presId="urn:microsoft.com/office/officeart/2005/8/layout/default"/>
    <dgm:cxn modelId="{D15DDE95-FEC7-4BB5-AF8D-717E8E50CFA8}" type="presOf" srcId="{C73CBC42-91B6-457B-99B0-ABA700BFAC65}" destId="{EF94B883-5019-4036-8B99-65AF988D4727}" srcOrd="0" destOrd="0" presId="urn:microsoft.com/office/officeart/2005/8/layout/default"/>
    <dgm:cxn modelId="{36788498-B56D-4A66-B33B-DC6A8892126A}" srcId="{0E35C0B0-8508-4383-A87F-CAC0E69CB9E0}" destId="{5942690D-7A61-4A4D-9216-C2E8B8595051}" srcOrd="1" destOrd="0" parTransId="{1629B18D-D198-4F41-A5FE-DA4F8A18FC41}" sibTransId="{9A24F040-FA67-4D51-A259-2D73FB07682B}"/>
    <dgm:cxn modelId="{4E4C6A9F-AE01-4818-ACF8-F73CD7C5B131}" srcId="{C73CBC42-91B6-457B-99B0-ABA700BFAC65}" destId="{9F2E6B58-B21F-476E-BD5A-F944690FC52C}" srcOrd="0" destOrd="0" parTransId="{B7F9BEA0-F6A4-49D6-BB76-2691AC55ED23}" sibTransId="{6CADDB6D-5DF0-4F78-971C-945242EF414E}"/>
    <dgm:cxn modelId="{2A4DACA8-F847-4D0C-8AC1-84E5217BA96B}" srcId="{F7751329-9DF9-4343-9FD6-296C1C4B7BA3}" destId="{7C8BB611-D4B6-4CBC-9207-7FE9537EB5F2}" srcOrd="0" destOrd="0" parTransId="{CEB81B2B-E3F8-491B-A736-41B20988F22F}" sibTransId="{C683D858-3413-4C79-AD12-ED3223C47BA2}"/>
    <dgm:cxn modelId="{385502AB-64D3-4DAC-80E1-D01568597395}" srcId="{C73CBC42-91B6-457B-99B0-ABA700BFAC65}" destId="{2FC246D8-5027-43F3-A830-D5D4ED8B4B83}" srcOrd="1" destOrd="0" parTransId="{EF020387-8C49-4116-A035-B339E369265D}" sibTransId="{5B658E0F-E06D-4139-A533-DF8B5DBA6EE6}"/>
    <dgm:cxn modelId="{6D0B5CAE-7650-49A3-AEA5-4C1FBCB1DB1B}" type="presOf" srcId="{F7751329-9DF9-4343-9FD6-296C1C4B7BA3}" destId="{950BF7B6-4B9F-46F1-8A0A-C6B5F25C191C}" srcOrd="0" destOrd="0" presId="urn:microsoft.com/office/officeart/2005/8/layout/default"/>
    <dgm:cxn modelId="{852A4EBA-1115-4FF6-AA7A-346FF5F4EE60}" type="presOf" srcId="{5942690D-7A61-4A4D-9216-C2E8B8595051}" destId="{6662052A-337A-4FE6-B1FA-D2C5A4935A67}" srcOrd="0" destOrd="2" presId="urn:microsoft.com/office/officeart/2005/8/layout/default"/>
    <dgm:cxn modelId="{B2B729BC-712E-49AB-9537-AA3775885C4C}" type="presOf" srcId="{BF7CBBB3-5F5B-45DF-A1B2-1D1FB4F9EBC3}" destId="{EF94B883-5019-4036-8B99-65AF988D4727}" srcOrd="0" destOrd="3" presId="urn:microsoft.com/office/officeart/2005/8/layout/default"/>
    <dgm:cxn modelId="{EB478BC0-5067-498D-89D1-E6AFFA4665A0}" srcId="{C73CBC42-91B6-457B-99B0-ABA700BFAC65}" destId="{BF7CBBB3-5F5B-45DF-A1B2-1D1FB4F9EBC3}" srcOrd="2" destOrd="0" parTransId="{EF8AB460-7669-46F1-8F4B-B97757E5BAFA}" sibTransId="{B85450D9-509A-431B-82E8-38B250C6DDB8}"/>
    <dgm:cxn modelId="{7BAB55C5-EBB0-4BC7-995E-74E3BB42096C}" type="presOf" srcId="{7C8BB611-D4B6-4CBC-9207-7FE9537EB5F2}" destId="{950BF7B6-4B9F-46F1-8A0A-C6B5F25C191C}" srcOrd="0" destOrd="1" presId="urn:microsoft.com/office/officeart/2005/8/layout/default"/>
    <dgm:cxn modelId="{3834F2E5-849B-4B37-A2D0-23F42E1EB64D}" type="presOf" srcId="{2FC246D8-5027-43F3-A830-D5D4ED8B4B83}" destId="{EF94B883-5019-4036-8B99-65AF988D4727}" srcOrd="0" destOrd="2" presId="urn:microsoft.com/office/officeart/2005/8/layout/default"/>
    <dgm:cxn modelId="{58367DEE-0F15-4FB0-B371-2851A8974576}" srcId="{2B4818CA-700A-4EE0-A2A2-0D99D987C0C0}" destId="{E8C2DC81-F9ED-48E3-A4B1-6D754F81B8B6}" srcOrd="0" destOrd="0" parTransId="{BEF434B9-9022-4339-B15A-61174A73F1AF}" sibTransId="{993142C2-24D9-4705-974C-C0DC36A3523B}"/>
    <dgm:cxn modelId="{2A81AEF3-8124-4E3A-BDB7-088C19991197}" type="presOf" srcId="{44F9AF0B-C56E-4819-8FF4-CD6F803E5FC0}" destId="{950BF7B6-4B9F-46F1-8A0A-C6B5F25C191C}" srcOrd="0" destOrd="2" presId="urn:microsoft.com/office/officeart/2005/8/layout/default"/>
    <dgm:cxn modelId="{24A7B5FC-27D1-4B21-B8ED-B2A991CACC5A}" type="presOf" srcId="{9F2E6B58-B21F-476E-BD5A-F944690FC52C}" destId="{EF94B883-5019-4036-8B99-65AF988D4727}" srcOrd="0" destOrd="1" presId="urn:microsoft.com/office/officeart/2005/8/layout/default"/>
    <dgm:cxn modelId="{89F9EDD7-3352-4004-84A1-61C4E4282893}" type="presParOf" srcId="{275884C4-3A3F-4193-8DE0-A5C6CC9D4C5B}" destId="{6662052A-337A-4FE6-B1FA-D2C5A4935A67}" srcOrd="0" destOrd="0" presId="urn:microsoft.com/office/officeart/2005/8/layout/default"/>
    <dgm:cxn modelId="{6084C25B-9C62-4178-BD5E-B74E00222A7B}" type="presParOf" srcId="{275884C4-3A3F-4193-8DE0-A5C6CC9D4C5B}" destId="{FFF4A852-769F-403D-967F-48BD13174B00}" srcOrd="1" destOrd="0" presId="urn:microsoft.com/office/officeart/2005/8/layout/default"/>
    <dgm:cxn modelId="{88951523-29E4-4B9A-8B04-906BBDF99FC5}" type="presParOf" srcId="{275884C4-3A3F-4193-8DE0-A5C6CC9D4C5B}" destId="{EF94B883-5019-4036-8B99-65AF988D4727}" srcOrd="2" destOrd="0" presId="urn:microsoft.com/office/officeart/2005/8/layout/default"/>
    <dgm:cxn modelId="{3A0214D7-E0D7-4D92-BD0E-149AA155CEC4}" type="presParOf" srcId="{275884C4-3A3F-4193-8DE0-A5C6CC9D4C5B}" destId="{5EFCB8D2-764A-4F90-8A40-8C56F05AA7F6}" srcOrd="3" destOrd="0" presId="urn:microsoft.com/office/officeart/2005/8/layout/default"/>
    <dgm:cxn modelId="{12B4114B-6DE7-4EC5-B300-50B126BAC1E5}" type="presParOf" srcId="{275884C4-3A3F-4193-8DE0-A5C6CC9D4C5B}" destId="{5DF7E8E8-8CE3-497A-A6AE-6D04C27DC81B}" srcOrd="4" destOrd="0" presId="urn:microsoft.com/office/officeart/2005/8/layout/default"/>
    <dgm:cxn modelId="{C90A829B-3A5F-4478-9653-5E33C4A74D30}" type="presParOf" srcId="{275884C4-3A3F-4193-8DE0-A5C6CC9D4C5B}" destId="{6D39EB8C-77F2-4A6A-B9F4-86CB023EB170}" srcOrd="5" destOrd="0" presId="urn:microsoft.com/office/officeart/2005/8/layout/default"/>
    <dgm:cxn modelId="{EF6C96F2-832A-4E33-B84E-2B53D196E833}" type="presParOf" srcId="{275884C4-3A3F-4193-8DE0-A5C6CC9D4C5B}" destId="{950BF7B6-4B9F-46F1-8A0A-C6B5F25C191C}" srcOrd="6" destOrd="0" presId="urn:microsoft.com/office/officeart/2005/8/layout/default"/>
  </dgm:cxnLst>
  <dgm:bg>
    <a:noFill/>
  </dgm:bg>
  <dgm:whole/>
  <dgm:extLst>
    <a:ext uri="http://schemas.microsoft.com/office/drawing/2008/diagram">
      <dsp:dataModelExt xmlns:dsp="http://schemas.microsoft.com/office/drawing/2008/diagram" relId="rId72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662052A-337A-4FE6-B1FA-D2C5A4935A67}">
      <dsp:nvSpPr>
        <dsp:cNvPr id="0" name=""/>
        <dsp:cNvSpPr/>
      </dsp:nvSpPr>
      <dsp:spPr>
        <a:xfrm>
          <a:off x="467" y="91537"/>
          <a:ext cx="1824515" cy="1094709"/>
        </a:xfrm>
        <a:prstGeom prst="rect">
          <a:avLst/>
        </a:prstGeom>
        <a:solidFill>
          <a:schemeClr val="tx1">
            <a:lumMod val="65000"/>
            <a:lumOff val="3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Keep satisfied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1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2</a:t>
          </a:r>
        </a:p>
      </dsp:txBody>
      <dsp:txXfrm>
        <a:off x="467" y="91537"/>
        <a:ext cx="1824515" cy="1094709"/>
      </dsp:txXfrm>
    </dsp:sp>
    <dsp:sp modelId="{EF94B883-5019-4036-8B99-65AF988D4727}">
      <dsp:nvSpPr>
        <dsp:cNvPr id="0" name=""/>
        <dsp:cNvSpPr/>
      </dsp:nvSpPr>
      <dsp:spPr>
        <a:xfrm>
          <a:off x="2007434" y="91537"/>
          <a:ext cx="1824515" cy="1094709"/>
        </a:xfrm>
        <a:prstGeom prst="rect">
          <a:avLst/>
        </a:prstGeom>
        <a:solidFill>
          <a:schemeClr val="tx1">
            <a:lumMod val="65000"/>
            <a:lumOff val="3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Manage closely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3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4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5</a:t>
          </a:r>
        </a:p>
      </dsp:txBody>
      <dsp:txXfrm>
        <a:off x="2007434" y="91537"/>
        <a:ext cx="1824515" cy="1094709"/>
      </dsp:txXfrm>
    </dsp:sp>
    <dsp:sp modelId="{5DF7E8E8-8CE3-497A-A6AE-6D04C27DC81B}">
      <dsp:nvSpPr>
        <dsp:cNvPr id="0" name=""/>
        <dsp:cNvSpPr/>
      </dsp:nvSpPr>
      <dsp:spPr>
        <a:xfrm>
          <a:off x="467" y="1368698"/>
          <a:ext cx="1824515" cy="1094709"/>
        </a:xfrm>
        <a:prstGeom prst="rect">
          <a:avLst/>
        </a:prstGeom>
        <a:solidFill>
          <a:schemeClr val="tx1">
            <a:lumMod val="65000"/>
            <a:lumOff val="3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Monitor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6</a:t>
          </a:r>
        </a:p>
      </dsp:txBody>
      <dsp:txXfrm>
        <a:off x="467" y="1368698"/>
        <a:ext cx="1824515" cy="1094709"/>
      </dsp:txXfrm>
    </dsp:sp>
    <dsp:sp modelId="{950BF7B6-4B9F-46F1-8A0A-C6B5F25C191C}">
      <dsp:nvSpPr>
        <dsp:cNvPr id="0" name=""/>
        <dsp:cNvSpPr/>
      </dsp:nvSpPr>
      <dsp:spPr>
        <a:xfrm>
          <a:off x="2007434" y="1368698"/>
          <a:ext cx="1824515" cy="1094709"/>
        </a:xfrm>
        <a:prstGeom prst="rect">
          <a:avLst/>
        </a:prstGeom>
        <a:solidFill>
          <a:schemeClr val="tx1">
            <a:lumMod val="65000"/>
            <a:lumOff val="3500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0960" tIns="60960" rIns="60960" bIns="60960" numCol="1" spcCol="1270" anchor="t" anchorCtr="0">
          <a:noAutofit/>
        </a:bodyPr>
        <a:lstStyle/>
        <a:p>
          <a:pPr marL="0" lvl="0" indent="0" algn="l" defTabSz="7112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600" b="1" kern="1200" dirty="0"/>
            <a:t>Keep informed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7</a:t>
          </a:r>
        </a:p>
        <a:p>
          <a:pPr marL="114300" lvl="1" indent="-114300" algn="l" defTabSz="533400">
            <a:lnSpc>
              <a:spcPct val="90000"/>
            </a:lnSpc>
            <a:spcBef>
              <a:spcPct val="0"/>
            </a:spcBef>
            <a:spcAft>
              <a:spcPct val="15000"/>
            </a:spcAft>
            <a:buChar char="•"/>
          </a:pPr>
          <a:r>
            <a:rPr lang="en-US" sz="1200" kern="1200" dirty="0"/>
            <a:t>Stakeholder 8</a:t>
          </a:r>
        </a:p>
      </dsp:txBody>
      <dsp:txXfrm>
        <a:off x="2007434" y="1368698"/>
        <a:ext cx="1824515" cy="1094709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default">
  <dgm:title val=""/>
  <dgm:desc val=""/>
  <dgm:catLst>
    <dgm:cat type="list" pri="4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</dgm:ptLst>
      <dgm:cxnLst>
        <dgm:cxn modelId="6" srcId="0" destId="1" srcOrd="0" destOrd="0"/>
        <dgm:cxn modelId="7" srcId="0" destId="2" srcOrd="1" destOrd="0"/>
        <dgm:cxn modelId="8" srcId="0" destId="3" srcOrd="2" destOrd="0"/>
        <dgm:cxn modelId="9" srcId="0" destId="4" srcOrd="3" destOrd="0"/>
        <dgm:cxn modelId="10" srcId="0" destId="5" srcOrd="4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diagram">
    <dgm:varLst>
      <dgm:dir/>
      <dgm:resizeHandles val="exact"/>
    </dgm:varLst>
    <dgm:choose name="Name0">
      <dgm:if name="Name1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node" refType="w"/>
      <dgm:constr type="h" for="ch" forName="node" refType="w" refFor="ch" refForName="node" fact="0.6"/>
      <dgm:constr type="w" for="ch" forName="sibTrans" refType="w" refFor="ch" refForName="node" fact="0.1"/>
      <dgm:constr type="sp" refType="w" refFor="ch" refForName="sibTrans"/>
      <dgm:constr type="primFontSz" for="ch" forName="node" op="equ" val="65"/>
    </dgm:constrLst>
    <dgm:ruleLst/>
    <dgm:forEach name="Name3" axis="ch" ptType="node">
      <dgm:layoutNode name="node">
        <dgm:varLst>
          <dgm:bulletEnabled val="1"/>
        </dgm:varLst>
        <dgm:alg type="tx"/>
        <dgm:shape xmlns:r="http://schemas.openxmlformats.org/officeDocument/2006/relationships" type="rect" r:blip="">
          <dgm:adjLst/>
        </dgm:shape>
        <dgm:presOf axis="desOrSelf" ptType="node"/>
        <dgm:constrLst>
          <dgm:constr type="lMarg" refType="primFontSz" fact="0.3"/>
          <dgm:constr type="rMarg" refType="primFontSz" fact="0.3"/>
          <dgm:constr type="tMarg" refType="primFontSz" fact="0.3"/>
          <dgm:constr type="bMarg" refType="primFontSz" fact="0.3"/>
        </dgm:constrLst>
        <dgm:ruleLst>
          <dgm:rule type="primFontSz" val="5" fact="NaN" max="NaN"/>
        </dgm:ruleLst>
      </dgm:layoutNode>
      <dgm:forEach name="Name4" axis="followSib" ptType="sibTrans" cnt="1">
        <dgm:layoutNode name="sibTran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C69C8D5-3699-37C2-7C55-1EA14F8EB17C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1C190835-7E8A-C687-CAD2-26442D36F3A2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E1B3F81-37DE-DD4A-C4FA-B8D15076AB7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574E9B07-D5B8-56B5-F697-5331584E4F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C618FB0-63A1-AF68-268A-57B52E4B52E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0668625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2CAF38D-A25D-544D-B4C7-BF64FC2AE1E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67E5435-6AD9-6D31-8358-CDE3695189B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C4AEEB5-9A77-5BF1-759C-A0C8DAA7D85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B8EF82E-92C2-C631-0EBE-AAD6FFA4FFE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4390F75-B064-2D0C-C6A7-8E2AE74853D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203569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865E7350-69C5-8D22-9295-0021D6FB1463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CAD5D230-E693-BBF5-4871-ED2A71F598EC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F928F7-C227-754D-7757-74210B491B68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F0C6ABC-8968-3B27-2281-AEABB5FB9C1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3D5C22C-3012-D71B-D518-2DD4848AE530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7507440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0E509E0-06A6-5C52-2D1E-0BC0134F7E0D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1C2261FD-5F7A-6E8D-A7D8-AE8E9D0E2FBF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0E49B25-1CE4-0C15-D753-D417DCF7763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FDBA9B40-D4CD-223F-FFDE-12534979E699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45419596-3F77-3CD8-A30F-C2E9D790B63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7366385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D5B6BA-C9A1-6445-173D-30266371274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0129ACAF-6FC6-6653-7EC1-84B6CBBA65FE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A22FE28-1999-5666-F4E3-0C5333388F45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07A6B95B-3711-7A7C-80D5-CBA195D6C22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61FA9D6A-BB8D-E022-A888-96820A06B64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1172979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5A448AF-05E8-2305-BD40-7EFD5CFEC4D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327E80C3-3469-6E52-9DD1-D49B7C14E97D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1872F19B-C395-B13A-EFB8-4F119CB12559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260CD541-EBD6-D673-663C-D990CF1C61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1EAF2C89-D53F-EFAD-8587-A84E5FE3B3F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6AEB881-2304-D557-F88B-EE5D6E4D74A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4721261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4A28BCC-D078-653D-01D9-2846A1AD2D2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FFB9F894-8D7D-EAD6-785F-F1754748153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0BADE049-65F5-10E0-1BB3-0A1EFD71E5FE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064DF1E1-C888-AD5C-2EFF-CE5F95693E42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A49BF137-F1A3-2888-87BC-79059CA56D0B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2AC8D4F2-ED20-BF8A-DC2F-0304A12E98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838D9B76-3B42-0AB0-D11B-17ADAC3A962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6DBCFD75-8851-FA47-3841-426A2D32A20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536780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1AE4D0C-64AC-C11E-D284-191361E1113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75B1AF3-592E-B449-69AB-DDA386EA6951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962E8604-0E19-4A9E-958C-73AA1A2C92C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F6948C6-A2BA-D885-EB67-35C70D66F7A8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650759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91CCE1C2-130A-CEE8-A277-6CFF4B90C21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BB898900-E133-3998-7193-A61022E8810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4E15024E-11D4-97CA-A694-84EDE9ACB97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664509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9C0FBA5-1EA5-77F5-ED23-B943A2F9382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09D045EF-6E17-9822-BCCB-3E840858F32F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E8A528CD-1693-9A33-AA9A-97942630D051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717AF511-D7D1-253B-3FA1-991322351A1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E82CA359-9A1F-F8CB-3DCB-337941B1BA80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3B9581F6-C21A-80B6-4421-D970F39CBD7B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171621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8C326E9-833B-7B24-D173-4E91AD0CDBE4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359F9D22-381F-14D6-CED5-7EC68643A60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B40E5E01-ECF7-FA5F-A5E0-9FF1B49787D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94EA09-2E60-0CB0-A5F4-64F2EC635B7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DFB0783-B4D1-2828-ED95-D84FF79837D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3A95712-5F3F-F7D5-8BF0-DAE00A355BF1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831695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4C596DEF-6F44-60EC-38FC-DC56F4B8ABB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D41D81F4-CFB7-0267-A505-30479FDE21C5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C72045-0C86-1138-930C-96D8B6AEC77F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9E6F48F-ABD1-4E87-9787-092FD32FFA39}" type="datetimeFigureOut">
              <a:rPr lang="en-US" smtClean="0"/>
              <a:t>1/17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9EC1B0A-A9CA-096C-3CF3-5D78A2B2DD86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FB8D876-6E4B-B46B-821F-65C76BB6D107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943B1C3-0E0D-41FB-BB7E-E686D0E685A5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4318204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7.xml"/><Relationship Id="rId4" Type="http://schemas.openxmlformats.org/officeDocument/2006/relationships/hyperlink" Target="https://www.officetimeline.com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diagramData" Target="../diagrams/data1.xml"/><Relationship Id="rId7" Type="http://schemas.openxmlformats.org/officeDocument/2006/relationships/tags" Target="../tags/tag7.xml"/><Relationship Id="rId71" Type="http://schemas.openxmlformats.org/officeDocument/2006/relationships/diagramColors" Target="../diagrams/colors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image" Target="../media/image3.png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diagramLayout" Target="../diagrams/layout1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microsoft.com/office/2007/relationships/diagramDrawing" Target="../diagrams/drawing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diagramQuickStyle" Target="../diagrams/quickStyle1.xml"/><Relationship Id="rId1" Type="http://schemas.openxmlformats.org/officeDocument/2006/relationships/tags" Target="../tags/tag1.xml"/><Relationship Id="rId6" Type="http://schemas.openxmlformats.org/officeDocument/2006/relationships/tags" Target="../tags/tag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25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OTLSHAPE_SL_705c1817b24e49b4a11637b9ec889246_BackgroundRectangle">
            <a:extLst>
              <a:ext uri="{FF2B5EF4-FFF2-40B4-BE49-F238E27FC236}">
                <a16:creationId xmlns:a16="http://schemas.microsoft.com/office/drawing/2014/main" id="{3A4F9B8E-7394-4AA8-B21C-CB7EA4B312CB}"/>
              </a:ext>
            </a:extLst>
          </p:cNvPr>
          <p:cNvSpPr/>
          <p:nvPr>
            <p:custDataLst>
              <p:tags r:id="rId2"/>
            </p:custDataLst>
          </p:nvPr>
        </p:nvSpPr>
        <p:spPr>
          <a:xfrm>
            <a:off x="63500" y="4798060"/>
            <a:ext cx="11125200" cy="279400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8" name="OTLSHAPE_SL_16f0411601894598a249bd6881c63065_BackgroundRectangle">
            <a:extLst>
              <a:ext uri="{FF2B5EF4-FFF2-40B4-BE49-F238E27FC236}">
                <a16:creationId xmlns:a16="http://schemas.microsoft.com/office/drawing/2014/main" id="{73F8CEF8-E5DD-49E7-9E15-B2996CF6A40E}"/>
              </a:ext>
            </a:extLst>
          </p:cNvPr>
          <p:cNvSpPr/>
          <p:nvPr>
            <p:custDataLst>
              <p:tags r:id="rId3"/>
            </p:custDataLst>
          </p:nvPr>
        </p:nvSpPr>
        <p:spPr>
          <a:xfrm>
            <a:off x="63500" y="5140960"/>
            <a:ext cx="11125200" cy="1506474"/>
          </a:xfrm>
          <a:prstGeom prst="rect">
            <a:avLst/>
          </a:prstGeom>
          <a:solidFill>
            <a:schemeClr val="accent3">
              <a:alpha val="14902"/>
            </a:schemeClr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28" name="OTLSHAPE_TB_00000000000000000000000000000000_ScaleContainer">
            <a:extLst>
              <a:ext uri="{FF2B5EF4-FFF2-40B4-BE49-F238E27FC236}">
                <a16:creationId xmlns:a16="http://schemas.microsoft.com/office/drawing/2014/main" id="{4A9B5A4A-F882-47BE-9111-5CCD7CCC5690}"/>
              </a:ext>
            </a:extLst>
          </p:cNvPr>
          <p:cNvSpPr/>
          <p:nvPr>
            <p:custDataLst>
              <p:tags r:id="rId4"/>
            </p:custDataLst>
          </p:nvPr>
        </p:nvSpPr>
        <p:spPr>
          <a:xfrm>
            <a:off x="1419437" y="4213860"/>
            <a:ext cx="9766300" cy="381000"/>
          </a:xfrm>
          <a:prstGeom prst="rect">
            <a:avLst/>
          </a:prstGeom>
          <a:solidFill>
            <a:srgbClr val="333F50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6" name="OTLSHAPE_SL_705c1817b24e49b4a11637b9ec889246_HeaderRectangle">
            <a:extLst>
              <a:ext uri="{FF2B5EF4-FFF2-40B4-BE49-F238E27FC236}">
                <a16:creationId xmlns:a16="http://schemas.microsoft.com/office/drawing/2014/main" id="{536C751E-1105-4D42-ACEF-C5F445659988}"/>
              </a:ext>
            </a:extLst>
          </p:cNvPr>
          <p:cNvSpPr/>
          <p:nvPr>
            <p:custDataLst>
              <p:tags r:id="rId5"/>
            </p:custDataLst>
          </p:nvPr>
        </p:nvSpPr>
        <p:spPr>
          <a:xfrm>
            <a:off x="63500" y="4798060"/>
            <a:ext cx="1231900" cy="279400"/>
          </a:xfrm>
          <a:prstGeom prst="rect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9" name="OTLSHAPE_SL_16f0411601894598a249bd6881c63065_HeaderRectangle">
            <a:extLst>
              <a:ext uri="{FF2B5EF4-FFF2-40B4-BE49-F238E27FC236}">
                <a16:creationId xmlns:a16="http://schemas.microsoft.com/office/drawing/2014/main" id="{FA9CF773-F122-4354-B5D3-DDF3A969DE69}"/>
              </a:ext>
            </a:extLst>
          </p:cNvPr>
          <p:cNvSpPr/>
          <p:nvPr>
            <p:custDataLst>
              <p:tags r:id="rId6"/>
            </p:custDataLst>
          </p:nvPr>
        </p:nvSpPr>
        <p:spPr>
          <a:xfrm>
            <a:off x="63500" y="5140960"/>
            <a:ext cx="1231900" cy="1506474"/>
          </a:xfrm>
          <a:prstGeom prst="rect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cxnSp>
        <p:nvCxnSpPr>
          <p:cNvPr id="51" name="OTLSHAPE_G_00000000000000000000000000000000_ShapeBelow0">
            <a:extLst>
              <a:ext uri="{FF2B5EF4-FFF2-40B4-BE49-F238E27FC236}">
                <a16:creationId xmlns:a16="http://schemas.microsoft.com/office/drawing/2014/main" id="{531802AD-E365-4B5E-9877-51C5AFDF660A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2246063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2" name="OTLSHAPE_G_00000000000000000000000000000000_ShapeBelow1">
            <a:extLst>
              <a:ext uri="{FF2B5EF4-FFF2-40B4-BE49-F238E27FC236}">
                <a16:creationId xmlns:a16="http://schemas.microsoft.com/office/drawing/2014/main" id="{24CB50CD-3B3C-4F54-A301-998CA019093B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3019359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3" name="OTLSHAPE_G_00000000000000000000000000000000_ShapeBelow2">
            <a:extLst>
              <a:ext uri="{FF2B5EF4-FFF2-40B4-BE49-F238E27FC236}">
                <a16:creationId xmlns:a16="http://schemas.microsoft.com/office/drawing/2014/main" id="{02415E53-DAE5-4BB5-A4D6-C36C8E8EFFB3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3845985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" name="OTLSHAPE_G_00000000000000000000000000000000_ShapeBelow3">
            <a:extLst>
              <a:ext uri="{FF2B5EF4-FFF2-40B4-BE49-F238E27FC236}">
                <a16:creationId xmlns:a16="http://schemas.microsoft.com/office/drawing/2014/main" id="{1AB12CC8-2111-4DBD-95AF-1A69FC051F1F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4645947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5" name="OTLSHAPE_G_00000000000000000000000000000000_ShapeBelow4">
            <a:extLst>
              <a:ext uri="{FF2B5EF4-FFF2-40B4-BE49-F238E27FC236}">
                <a16:creationId xmlns:a16="http://schemas.microsoft.com/office/drawing/2014/main" id="{D9B6EFD3-798E-4D91-AB9D-86ED9024220A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5472573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6" name="OTLSHAPE_G_00000000000000000000000000000000_ShapeBelow5">
            <a:extLst>
              <a:ext uri="{FF2B5EF4-FFF2-40B4-BE49-F238E27FC236}">
                <a16:creationId xmlns:a16="http://schemas.microsoft.com/office/drawing/2014/main" id="{73BA7EC2-F271-41F4-B1A1-5295B25193F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6272535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" name="OTLSHAPE_G_00000000000000000000000000000000_ShapeBelow6">
            <a:extLst>
              <a:ext uri="{FF2B5EF4-FFF2-40B4-BE49-F238E27FC236}">
                <a16:creationId xmlns:a16="http://schemas.microsoft.com/office/drawing/2014/main" id="{6DD8CF14-4F55-4521-86CF-FBFF8EC503C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7099161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8" name="OTLSHAPE_G_00000000000000000000000000000000_ShapeBelow7">
            <a:extLst>
              <a:ext uri="{FF2B5EF4-FFF2-40B4-BE49-F238E27FC236}">
                <a16:creationId xmlns:a16="http://schemas.microsoft.com/office/drawing/2014/main" id="{D78FDBBC-7689-49D6-B7B2-7328A8748B04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7925788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9" name="OTLSHAPE_G_00000000000000000000000000000000_ShapeBelow8">
            <a:extLst>
              <a:ext uri="{FF2B5EF4-FFF2-40B4-BE49-F238E27FC236}">
                <a16:creationId xmlns:a16="http://schemas.microsoft.com/office/drawing/2014/main" id="{6D551CEB-9038-4718-9CF3-49470B905D32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8725749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0" name="OTLSHAPE_G_00000000000000000000000000000000_ShapeBelow9">
            <a:extLst>
              <a:ext uri="{FF2B5EF4-FFF2-40B4-BE49-F238E27FC236}">
                <a16:creationId xmlns:a16="http://schemas.microsoft.com/office/drawing/2014/main" id="{81B70C5A-0A6A-48CD-B131-E7AD0EDF48AB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9552376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G_00000000000000000000000000000000_ShapeBelow10">
            <a:extLst>
              <a:ext uri="{FF2B5EF4-FFF2-40B4-BE49-F238E27FC236}">
                <a16:creationId xmlns:a16="http://schemas.microsoft.com/office/drawing/2014/main" id="{E4D07B72-6B63-4789-B769-433E9C124DF5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10352337" y="4594860"/>
            <a:ext cx="0" cy="2052574"/>
          </a:xfrm>
          <a:prstGeom prst="line">
            <a:avLst/>
          </a:prstGeom>
          <a:ln w="9525" cap="flat" cmpd="sng" algn="ctr">
            <a:solidFill>
              <a:srgbClr val="A98E58">
                <a:alpha val="14902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6" name="OTLSHAPE_SLT_bc920712ce7a4274b0e40a23ef9dee86_Shape">
            <a:extLst>
              <a:ext uri="{FF2B5EF4-FFF2-40B4-BE49-F238E27FC236}">
                <a16:creationId xmlns:a16="http://schemas.microsoft.com/office/drawing/2014/main" id="{4B0A2632-B020-33CF-59DB-EA9A61F47F66}"/>
              </a:ext>
            </a:extLst>
          </p:cNvPr>
          <p:cNvSpPr/>
          <p:nvPr>
            <p:custDataLst>
              <p:tags r:id="rId18"/>
            </p:custDataLst>
          </p:nvPr>
        </p:nvSpPr>
        <p:spPr>
          <a:xfrm>
            <a:off x="1428325" y="4836160"/>
            <a:ext cx="1638300" cy="203200"/>
          </a:xfrm>
          <a:prstGeom prst="homePlat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3" name="OTLSHAPE_SLT_8b3e9f0ba06a4b7ea05d4fe63eaf6f15_Shape">
            <a:extLst>
              <a:ext uri="{FF2B5EF4-FFF2-40B4-BE49-F238E27FC236}">
                <a16:creationId xmlns:a16="http://schemas.microsoft.com/office/drawing/2014/main" id="{15350140-8C6F-46D9-ACBF-7D968410D673}"/>
              </a:ext>
            </a:extLst>
          </p:cNvPr>
          <p:cNvSpPr/>
          <p:nvPr>
            <p:custDataLst>
              <p:tags r:id="rId19"/>
            </p:custDataLst>
          </p:nvPr>
        </p:nvSpPr>
        <p:spPr>
          <a:xfrm>
            <a:off x="3081578" y="4836160"/>
            <a:ext cx="3937000" cy="2032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55" name="OTLSHAPE_SLT_efdf03b398fc41d9909f152c33d23a92_Shape">
            <a:extLst>
              <a:ext uri="{FF2B5EF4-FFF2-40B4-BE49-F238E27FC236}">
                <a16:creationId xmlns:a16="http://schemas.microsoft.com/office/drawing/2014/main" id="{892C3E3E-3A14-48DE-B036-E1D30C614790}"/>
              </a:ext>
            </a:extLst>
          </p:cNvPr>
          <p:cNvSpPr/>
          <p:nvPr>
            <p:custDataLst>
              <p:tags r:id="rId20"/>
            </p:custDataLst>
          </p:nvPr>
        </p:nvSpPr>
        <p:spPr>
          <a:xfrm>
            <a:off x="7028054" y="4836160"/>
            <a:ext cx="4064000" cy="203200"/>
          </a:xfrm>
          <a:prstGeom prst="chevron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black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0" name="OTLSHAPE_SLT_55a1c083505d40d890321eae358e7d02_Shape">
            <a:extLst>
              <a:ext uri="{FF2B5EF4-FFF2-40B4-BE49-F238E27FC236}">
                <a16:creationId xmlns:a16="http://schemas.microsoft.com/office/drawing/2014/main" id="{D89A8FD9-ACBE-4D78-A02A-2DE7DFE606EC}"/>
              </a:ext>
            </a:extLst>
          </p:cNvPr>
          <p:cNvSpPr/>
          <p:nvPr>
            <p:custDataLst>
              <p:tags r:id="rId21"/>
            </p:custDataLst>
          </p:nvPr>
        </p:nvSpPr>
        <p:spPr>
          <a:xfrm>
            <a:off x="2521605" y="5384884"/>
            <a:ext cx="85725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2" name="OTLSHAPE_SLT_c28e65e2a5c242bf8fa2ad37ed1c2cd8_Shape">
            <a:extLst>
              <a:ext uri="{FF2B5EF4-FFF2-40B4-BE49-F238E27FC236}">
                <a16:creationId xmlns:a16="http://schemas.microsoft.com/office/drawing/2014/main" id="{152D4252-5821-462A-AC50-FFA3D17958F9}"/>
              </a:ext>
            </a:extLst>
          </p:cNvPr>
          <p:cNvSpPr/>
          <p:nvPr>
            <p:custDataLst>
              <p:tags r:id="rId22"/>
            </p:custDataLst>
          </p:nvPr>
        </p:nvSpPr>
        <p:spPr>
          <a:xfrm>
            <a:off x="4761497" y="5882809"/>
            <a:ext cx="63373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164" name="OTLSHAPE_SLT_5487a43a7f0d4e3494ef9321b3bae6dc_Shape">
            <a:extLst>
              <a:ext uri="{FF2B5EF4-FFF2-40B4-BE49-F238E27FC236}">
                <a16:creationId xmlns:a16="http://schemas.microsoft.com/office/drawing/2014/main" id="{ADF2A328-0DCA-4E58-ADA0-6B95329E2B6C}"/>
              </a:ext>
            </a:extLst>
          </p:cNvPr>
          <p:cNvSpPr/>
          <p:nvPr>
            <p:custDataLst>
              <p:tags r:id="rId23"/>
            </p:custDataLst>
          </p:nvPr>
        </p:nvSpPr>
        <p:spPr>
          <a:xfrm>
            <a:off x="6068100" y="6380734"/>
            <a:ext cx="5029200" cy="203200"/>
          </a:xfrm>
          <a:prstGeom prst="homePlate">
            <a:avLst/>
          </a:prstGeom>
          <a:solidFill>
            <a:srgbClr val="3B87C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47" name="OTLSHAPE_SL_705c1817b24e49b4a11637b9ec889246_Header">
            <a:extLst>
              <a:ext uri="{FF2B5EF4-FFF2-40B4-BE49-F238E27FC236}">
                <a16:creationId xmlns:a16="http://schemas.microsoft.com/office/drawing/2014/main" id="{6FD377CA-E320-4E27-A32B-F871B96942F2}"/>
              </a:ext>
            </a:extLst>
          </p:cNvPr>
          <p:cNvSpPr txBox="1"/>
          <p:nvPr>
            <p:custDataLst>
              <p:tags r:id="rId24"/>
            </p:custDataLst>
          </p:nvPr>
        </p:nvSpPr>
        <p:spPr>
          <a:xfrm>
            <a:off x="63500" y="485250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arketing</a:t>
            </a:r>
          </a:p>
        </p:txBody>
      </p:sp>
      <p:sp>
        <p:nvSpPr>
          <p:cNvPr id="50" name="OTLSHAPE_SL_16f0411601894598a249bd6881c63065_Header">
            <a:extLst>
              <a:ext uri="{FF2B5EF4-FFF2-40B4-BE49-F238E27FC236}">
                <a16:creationId xmlns:a16="http://schemas.microsoft.com/office/drawing/2014/main" id="{47AAE390-B753-4D27-9467-88107CCFC14E}"/>
              </a:ext>
            </a:extLst>
          </p:cNvPr>
          <p:cNvSpPr txBox="1"/>
          <p:nvPr>
            <p:custDataLst>
              <p:tags r:id="rId25"/>
            </p:custDataLst>
          </p:nvPr>
        </p:nvSpPr>
        <p:spPr>
          <a:xfrm>
            <a:off x="63500" y="5808938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Product</a:t>
            </a:r>
          </a:p>
        </p:txBody>
      </p:sp>
      <p:sp>
        <p:nvSpPr>
          <p:cNvPr id="8" name="OTLSHAPE_TB_00000000000000000000000000000000_TimescaleInterval1">
            <a:extLst>
              <a:ext uri="{FF2B5EF4-FFF2-40B4-BE49-F238E27FC236}">
                <a16:creationId xmlns:a16="http://schemas.microsoft.com/office/drawing/2014/main" id="{1AAD5407-7BAC-42E2-B7FB-3D0B27248E38}"/>
              </a:ext>
            </a:extLst>
          </p:cNvPr>
          <p:cNvSpPr txBox="1"/>
          <p:nvPr>
            <p:custDataLst>
              <p:tags r:id="rId26"/>
            </p:custDataLst>
          </p:nvPr>
        </p:nvSpPr>
        <p:spPr>
          <a:xfrm>
            <a:off x="1482937" y="4311332"/>
            <a:ext cx="2159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Jan</a:t>
            </a:r>
            <a:endParaRPr kumimoji="0" lang="en-US" sz="1200" b="0" i="0" u="none" strike="noStrike" kern="1200" cap="none" spc="-12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9" name="OTLSHAPE_TB_00000000000000000000000000000000_TimescaleInterval2">
            <a:extLst>
              <a:ext uri="{FF2B5EF4-FFF2-40B4-BE49-F238E27FC236}">
                <a16:creationId xmlns:a16="http://schemas.microsoft.com/office/drawing/2014/main" id="{8BCAC1E7-55E4-41B4-8110-F4DED0C58FA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309563" y="431133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Feb</a:t>
            </a:r>
          </a:p>
        </p:txBody>
      </p:sp>
      <p:sp>
        <p:nvSpPr>
          <p:cNvPr id="10" name="OTLSHAPE_TB_00000000000000000000000000000000_TimescaleInterval3">
            <a:extLst>
              <a:ext uri="{FF2B5EF4-FFF2-40B4-BE49-F238E27FC236}">
                <a16:creationId xmlns:a16="http://schemas.microsoft.com/office/drawing/2014/main" id="{98CD6872-EEB8-4287-91B8-9B9CFB1C776E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3082859" y="4311332"/>
            <a:ext cx="2540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ar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1" name="OTLSHAPE_TB_00000000000000000000000000000000_TimescaleInterval4">
            <a:extLst>
              <a:ext uri="{FF2B5EF4-FFF2-40B4-BE49-F238E27FC236}">
                <a16:creationId xmlns:a16="http://schemas.microsoft.com/office/drawing/2014/main" id="{E97BBBDA-6820-421A-9748-16967C41FF28}"/>
              </a:ext>
            </a:extLst>
          </p:cNvPr>
          <p:cNvSpPr txBox="1"/>
          <p:nvPr>
            <p:custDataLst>
              <p:tags r:id="rId29"/>
            </p:custDataLst>
          </p:nvPr>
        </p:nvSpPr>
        <p:spPr>
          <a:xfrm>
            <a:off x="3909486" y="4311332"/>
            <a:ext cx="23083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Apr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2" name="OTLSHAPE_TB_00000000000000000000000000000000_TimescaleInterval5">
            <a:extLst>
              <a:ext uri="{FF2B5EF4-FFF2-40B4-BE49-F238E27FC236}">
                <a16:creationId xmlns:a16="http://schemas.microsoft.com/office/drawing/2014/main" id="{42E8F151-3307-4188-B002-A6F1FD286626}"/>
              </a:ext>
            </a:extLst>
          </p:cNvPr>
          <p:cNvSpPr txBox="1"/>
          <p:nvPr>
            <p:custDataLst>
              <p:tags r:id="rId30"/>
            </p:custDataLst>
          </p:nvPr>
        </p:nvSpPr>
        <p:spPr>
          <a:xfrm>
            <a:off x="4709447" y="4311332"/>
            <a:ext cx="2794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ay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3" name="OTLSHAPE_TB_00000000000000000000000000000000_TimescaleInterval6">
            <a:extLst>
              <a:ext uri="{FF2B5EF4-FFF2-40B4-BE49-F238E27FC236}">
                <a16:creationId xmlns:a16="http://schemas.microsoft.com/office/drawing/2014/main" id="{7DFE8A78-20DA-47E4-9788-2EA47CC56D64}"/>
              </a:ext>
            </a:extLst>
          </p:cNvPr>
          <p:cNvSpPr txBox="1"/>
          <p:nvPr>
            <p:custDataLst>
              <p:tags r:id="rId31"/>
            </p:custDataLst>
          </p:nvPr>
        </p:nvSpPr>
        <p:spPr>
          <a:xfrm>
            <a:off x="5536074" y="4311332"/>
            <a:ext cx="21961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Jun</a:t>
            </a:r>
            <a:endParaRPr kumimoji="0" lang="en-US" sz="1200" b="0" i="0" u="none" strike="noStrike" kern="1200" cap="none" spc="-12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4" name="OTLSHAPE_TB_00000000000000000000000000000000_TimescaleInterval7">
            <a:extLst>
              <a:ext uri="{FF2B5EF4-FFF2-40B4-BE49-F238E27FC236}">
                <a16:creationId xmlns:a16="http://schemas.microsoft.com/office/drawing/2014/main" id="{F3976837-B721-4596-8FF0-A0EC11C5A3F5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6336035" y="4311332"/>
            <a:ext cx="173124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Jul</a:t>
            </a:r>
            <a:endParaRPr kumimoji="0" lang="en-US" sz="1200" b="0" i="0" u="none" strike="noStrike" kern="1200" cap="none" spc="-10" normalizeH="0" baseline="0" noProof="0" dirty="0">
              <a:ln>
                <a:noFill/>
              </a:ln>
              <a:solidFill>
                <a:schemeClr val="lt2"/>
              </a:solidFill>
              <a:effectLst/>
              <a:uLnTx/>
              <a:uFillTx/>
              <a:latin typeface="Corbel" panose="020B0503020204020204" pitchFamily="34" charset="0"/>
              <a:ea typeface="+mn-ea"/>
              <a:cs typeface="+mn-cs"/>
            </a:endParaRPr>
          </a:p>
        </p:txBody>
      </p:sp>
      <p:sp>
        <p:nvSpPr>
          <p:cNvPr id="15" name="OTLSHAPE_TB_00000000000000000000000000000000_TimescaleInterval8">
            <a:extLst>
              <a:ext uri="{FF2B5EF4-FFF2-40B4-BE49-F238E27FC236}">
                <a16:creationId xmlns:a16="http://schemas.microsoft.com/office/drawing/2014/main" id="{F83360E8-8C2A-4AAC-8D88-8C8D8CBF3594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7162661" y="4311332"/>
            <a:ext cx="25968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Aug</a:t>
            </a:r>
          </a:p>
        </p:txBody>
      </p:sp>
      <p:sp>
        <p:nvSpPr>
          <p:cNvPr id="16" name="OTLSHAPE_TB_00000000000000000000000000000000_TimescaleInterval9">
            <a:extLst>
              <a:ext uri="{FF2B5EF4-FFF2-40B4-BE49-F238E27FC236}">
                <a16:creationId xmlns:a16="http://schemas.microsoft.com/office/drawing/2014/main" id="{67180A55-62F3-4772-9578-923D326437E0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7989288" y="4311332"/>
            <a:ext cx="241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2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Sep</a:t>
            </a:r>
          </a:p>
        </p:txBody>
      </p:sp>
      <p:sp>
        <p:nvSpPr>
          <p:cNvPr id="17" name="OTLSHAPE_TB_00000000000000000000000000000000_TimescaleInterval10">
            <a:extLst>
              <a:ext uri="{FF2B5EF4-FFF2-40B4-BE49-F238E27FC236}">
                <a16:creationId xmlns:a16="http://schemas.microsoft.com/office/drawing/2014/main" id="{E6271D3E-482D-43BD-B2D3-88C32DC8A5BA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8789250" y="4311332"/>
            <a:ext cx="23166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8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Oct</a:t>
            </a:r>
          </a:p>
        </p:txBody>
      </p:sp>
      <p:sp>
        <p:nvSpPr>
          <p:cNvPr id="18" name="OTLSHAPE_TB_00000000000000000000000000000000_TimescaleInterval11">
            <a:extLst>
              <a:ext uri="{FF2B5EF4-FFF2-40B4-BE49-F238E27FC236}">
                <a16:creationId xmlns:a16="http://schemas.microsoft.com/office/drawing/2014/main" id="{94149D38-8B66-415D-8E79-A17EE72EBDF2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9615876" y="4311332"/>
            <a:ext cx="25968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Nov</a:t>
            </a:r>
          </a:p>
        </p:txBody>
      </p:sp>
      <p:sp>
        <p:nvSpPr>
          <p:cNvPr id="19" name="OTLSHAPE_TB_00000000000000000000000000000000_TimescaleInterval12">
            <a:extLst>
              <a:ext uri="{FF2B5EF4-FFF2-40B4-BE49-F238E27FC236}">
                <a16:creationId xmlns:a16="http://schemas.microsoft.com/office/drawing/2014/main" id="{270C184A-23A3-4BD5-B3FD-487C25A95E0F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10415837" y="4311332"/>
            <a:ext cx="24686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200" b="0" i="0" u="none" strike="noStrike" kern="1200" cap="none" spc="-10" normalizeH="0" baseline="0" noProof="0" dirty="0">
                <a:ln>
                  <a:noFill/>
                </a:ln>
                <a:solidFill>
                  <a:schemeClr val="lt2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Dec</a:t>
            </a:r>
          </a:p>
        </p:txBody>
      </p:sp>
      <p:sp>
        <p:nvSpPr>
          <p:cNvPr id="69" name="OTLSHAPE_SLT_bc920712ce7a4274b0e40a23ef9dee86_Title">
            <a:extLst>
              <a:ext uri="{FF2B5EF4-FFF2-40B4-BE49-F238E27FC236}">
                <a16:creationId xmlns:a16="http://schemas.microsoft.com/office/drawing/2014/main" id="{0569F75A-F094-42C6-B456-C7D93BDE9BAD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1998186" y="4852500"/>
            <a:ext cx="508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Develop</a:t>
            </a:r>
          </a:p>
        </p:txBody>
      </p:sp>
      <p:sp>
        <p:nvSpPr>
          <p:cNvPr id="77" name="OTLSHAPE_SLT_8b3e9f0ba06a4b7ea05d4fe63eaf6f15_Title">
            <a:extLst>
              <a:ext uri="{FF2B5EF4-FFF2-40B4-BE49-F238E27FC236}">
                <a16:creationId xmlns:a16="http://schemas.microsoft.com/office/drawing/2014/main" id="{2A5CF3AE-6512-4F40-A523-25FDE2AD0943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4860936" y="4852500"/>
            <a:ext cx="381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Excite</a:t>
            </a:r>
          </a:p>
        </p:txBody>
      </p:sp>
      <p:sp>
        <p:nvSpPr>
          <p:cNvPr id="85" name="OTLSHAPE_SLT_efdf03b398fc41d9909f152c33d23a92_Title">
            <a:extLst>
              <a:ext uri="{FF2B5EF4-FFF2-40B4-BE49-F238E27FC236}">
                <a16:creationId xmlns:a16="http://schemas.microsoft.com/office/drawing/2014/main" id="{105EA781-1F24-4D9E-95F7-5BCB7C29FBEB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8883558" y="4852500"/>
            <a:ext cx="35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4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Ignite</a:t>
            </a:r>
          </a:p>
        </p:txBody>
      </p:sp>
      <p:sp>
        <p:nvSpPr>
          <p:cNvPr id="97" name="OTLSHAPE_SLT_55a1c083505d40d890321eae358e7d02_Duration">
            <a:extLst>
              <a:ext uri="{FF2B5EF4-FFF2-40B4-BE49-F238E27FC236}">
                <a16:creationId xmlns:a16="http://schemas.microsoft.com/office/drawing/2014/main" id="{21EA77DC-49C1-498D-A5C1-FD397FD97F28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1981263" y="5408972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475A6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46 wee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475A6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02" name="OTLSHAPE_SLT_55a1c083505d40d890321eae358e7d02_Title">
            <a:extLst>
              <a:ext uri="{FF2B5EF4-FFF2-40B4-BE49-F238E27FC236}">
                <a16:creationId xmlns:a16="http://schemas.microsoft.com/office/drawing/2014/main" id="{43DF369E-D65A-4B88-BC46-C5B8D8FDB8CC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6543508" y="5401225"/>
            <a:ext cx="533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6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Web app</a:t>
            </a:r>
          </a:p>
        </p:txBody>
      </p:sp>
      <p:sp>
        <p:nvSpPr>
          <p:cNvPr id="105" name="OTLSHAPE_SLT_c28e65e2a5c242bf8fa2ad37ed1c2cd8_Duration">
            <a:extLst>
              <a:ext uri="{FF2B5EF4-FFF2-40B4-BE49-F238E27FC236}">
                <a16:creationId xmlns:a16="http://schemas.microsoft.com/office/drawing/2014/main" id="{13555A45-2F71-4EBF-9BB7-C3EF176E101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4221154" y="5906897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>
                <a:ln>
                  <a:noFill/>
                </a:ln>
                <a:solidFill>
                  <a:srgbClr val="475A6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34 weeks</a:t>
            </a:r>
            <a:endParaRPr kumimoji="0" lang="en-US" sz="1000" b="1" i="0" u="none" strike="noStrike" kern="1200" cap="none" spc="-6" normalizeH="0" baseline="0" noProof="0" dirty="0">
              <a:ln>
                <a:noFill/>
              </a:ln>
              <a:solidFill>
                <a:srgbClr val="475A6B"/>
              </a:solidFill>
              <a:effectLst/>
              <a:uLnTx/>
              <a:uFillTx/>
              <a:latin typeface="Calibri" panose="020F0502020204030204" pitchFamily="34" charset="0"/>
              <a:ea typeface="+mn-ea"/>
              <a:cs typeface="+mn-cs"/>
            </a:endParaRPr>
          </a:p>
        </p:txBody>
      </p:sp>
      <p:sp>
        <p:nvSpPr>
          <p:cNvPr id="110" name="OTLSHAPE_SLT_c28e65e2a5c242bf8fa2ad37ed1c2cd8_Title">
            <a:extLst>
              <a:ext uri="{FF2B5EF4-FFF2-40B4-BE49-F238E27FC236}">
                <a16:creationId xmlns:a16="http://schemas.microsoft.com/office/drawing/2014/main" id="{F47E4632-BDEE-4F05-AD0C-A6F10835F70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7593116" y="5899150"/>
            <a:ext cx="673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Mobile app</a:t>
            </a:r>
          </a:p>
        </p:txBody>
      </p:sp>
      <p:sp>
        <p:nvSpPr>
          <p:cNvPr id="113" name="OTLSHAPE_SLT_5487a43a7f0d4e3494ef9321b3bae6dc_Duration">
            <a:extLst>
              <a:ext uri="{FF2B5EF4-FFF2-40B4-BE49-F238E27FC236}">
                <a16:creationId xmlns:a16="http://schemas.microsoft.com/office/drawing/2014/main" id="{FE490201-5A37-421C-8E28-9B8CB996C1B9}"/>
              </a:ext>
            </a:extLst>
          </p:cNvPr>
          <p:cNvSpPr txBox="1"/>
          <p:nvPr>
            <p:custDataLst>
              <p:tags r:id="rId45"/>
            </p:custDataLst>
          </p:nvPr>
        </p:nvSpPr>
        <p:spPr>
          <a:xfrm>
            <a:off x="5527758" y="6404821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1" i="0" u="none" strike="noStrike" kern="1200" cap="none" spc="-6" normalizeH="0" baseline="0" noProof="0" dirty="0">
                <a:ln>
                  <a:noFill/>
                </a:ln>
                <a:solidFill>
                  <a:srgbClr val="475A6B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27 weeks</a:t>
            </a:r>
          </a:p>
        </p:txBody>
      </p:sp>
      <p:sp>
        <p:nvSpPr>
          <p:cNvPr id="118" name="OTLSHAPE_SLT_5487a43a7f0d4e3494ef9321b3bae6dc_Title">
            <a:extLst>
              <a:ext uri="{FF2B5EF4-FFF2-40B4-BE49-F238E27FC236}">
                <a16:creationId xmlns:a16="http://schemas.microsoft.com/office/drawing/2014/main" id="{4B600112-E26F-48C4-96C1-C5BCAFACE65C}"/>
              </a:ext>
            </a:extLst>
          </p:cNvPr>
          <p:cNvSpPr txBox="1"/>
          <p:nvPr>
            <p:custDataLst>
              <p:tags r:id="rId46"/>
            </p:custDataLst>
          </p:nvPr>
        </p:nvSpPr>
        <p:spPr>
          <a:xfrm>
            <a:off x="8173287" y="6397075"/>
            <a:ext cx="812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100" b="1" i="0" u="none" strike="noStrike" kern="1200" cap="none" spc="-2" normalizeH="0" baseline="0" noProof="0" dirty="0">
                <a:ln>
                  <a:noFill/>
                </a:ln>
                <a:solidFill>
                  <a:schemeClr val="lt1"/>
                </a:solidFill>
                <a:effectLst/>
                <a:uLnTx/>
                <a:uFillTx/>
                <a:latin typeface="Corbel" panose="020B0503020204020204" pitchFamily="34" charset="0"/>
                <a:ea typeface="+mn-ea"/>
                <a:cs typeface="+mn-cs"/>
              </a:rPr>
              <a:t>Windows app</a:t>
            </a:r>
          </a:p>
        </p:txBody>
      </p:sp>
      <p:cxnSp>
        <p:nvCxnSpPr>
          <p:cNvPr id="130" name="OTLSHAPE_TB_00000000000000000000000000000000_Separator1">
            <a:extLst>
              <a:ext uri="{FF2B5EF4-FFF2-40B4-BE49-F238E27FC236}">
                <a16:creationId xmlns:a16="http://schemas.microsoft.com/office/drawing/2014/main" id="{26F900EA-C280-4947-A5EB-3E412FB1968A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2246063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1" name="OTLSHAPE_TB_00000000000000000000000000000000_Separator2">
            <a:extLst>
              <a:ext uri="{FF2B5EF4-FFF2-40B4-BE49-F238E27FC236}">
                <a16:creationId xmlns:a16="http://schemas.microsoft.com/office/drawing/2014/main" id="{3C599574-8A05-467C-A8B1-BF6CE6EFD7CD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3019359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2" name="OTLSHAPE_TB_00000000000000000000000000000000_Separator3">
            <a:extLst>
              <a:ext uri="{FF2B5EF4-FFF2-40B4-BE49-F238E27FC236}">
                <a16:creationId xmlns:a16="http://schemas.microsoft.com/office/drawing/2014/main" id="{F97062C0-7BDA-49F9-BD92-C09A49834447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3845985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3" name="OTLSHAPE_TB_00000000000000000000000000000000_Separator4">
            <a:extLst>
              <a:ext uri="{FF2B5EF4-FFF2-40B4-BE49-F238E27FC236}">
                <a16:creationId xmlns:a16="http://schemas.microsoft.com/office/drawing/2014/main" id="{19D83CD2-494E-43E4-AE64-B2FFB5D39187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4645947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4" name="OTLSHAPE_TB_00000000000000000000000000000000_Separator5">
            <a:extLst>
              <a:ext uri="{FF2B5EF4-FFF2-40B4-BE49-F238E27FC236}">
                <a16:creationId xmlns:a16="http://schemas.microsoft.com/office/drawing/2014/main" id="{818AC23C-31BD-4445-9791-8D8F7AA33209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472573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5" name="OTLSHAPE_TB_00000000000000000000000000000000_Separator6">
            <a:extLst>
              <a:ext uri="{FF2B5EF4-FFF2-40B4-BE49-F238E27FC236}">
                <a16:creationId xmlns:a16="http://schemas.microsoft.com/office/drawing/2014/main" id="{0FCFBB40-EA3F-4D39-8901-4351979EBCD1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6272535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6" name="OTLSHAPE_TB_00000000000000000000000000000000_Separator7">
            <a:extLst>
              <a:ext uri="{FF2B5EF4-FFF2-40B4-BE49-F238E27FC236}">
                <a16:creationId xmlns:a16="http://schemas.microsoft.com/office/drawing/2014/main" id="{B5149CD3-FF7E-42ED-A1A1-0E743993E5E7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7099161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" name="OTLSHAPE_TB_00000000000000000000000000000000_Separator8">
            <a:extLst>
              <a:ext uri="{FF2B5EF4-FFF2-40B4-BE49-F238E27FC236}">
                <a16:creationId xmlns:a16="http://schemas.microsoft.com/office/drawing/2014/main" id="{9DE297F8-5536-4C35-A36A-8E5A75E75B9F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7925788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" name="OTLSHAPE_TB_00000000000000000000000000000000_Separator9">
            <a:extLst>
              <a:ext uri="{FF2B5EF4-FFF2-40B4-BE49-F238E27FC236}">
                <a16:creationId xmlns:a16="http://schemas.microsoft.com/office/drawing/2014/main" id="{EA904F65-D75D-4AF4-A917-00016350B71C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8725749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" name="OTLSHAPE_TB_00000000000000000000000000000000_Separator10">
            <a:extLst>
              <a:ext uri="{FF2B5EF4-FFF2-40B4-BE49-F238E27FC236}">
                <a16:creationId xmlns:a16="http://schemas.microsoft.com/office/drawing/2014/main" id="{C7DF44E5-EA1F-40CE-87EC-88FBE3FC6C41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9552376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0" name="OTLSHAPE_TB_00000000000000000000000000000000_Separator11">
            <a:extLst>
              <a:ext uri="{FF2B5EF4-FFF2-40B4-BE49-F238E27FC236}">
                <a16:creationId xmlns:a16="http://schemas.microsoft.com/office/drawing/2014/main" id="{DE4B8569-3E67-4D9D-8DA1-4B8DD41CF2F9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10352337" y="4302760"/>
            <a:ext cx="0" cy="203200"/>
          </a:xfrm>
          <a:prstGeom prst="line">
            <a:avLst/>
          </a:prstGeom>
          <a:ln w="9525" cap="flat" cmpd="sng" algn="ctr">
            <a:solidFill>
              <a:schemeClr val="lt2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5" name="OTLSHAPE_M_4ffd10218bf1488a83ea031f58ba1162_Shape">
            <a:extLst>
              <a:ext uri="{FF2B5EF4-FFF2-40B4-BE49-F238E27FC236}">
                <a16:creationId xmlns:a16="http://schemas.microsoft.com/office/drawing/2014/main" id="{A8C4C7DA-60DC-41F1-A68C-BE9943F2068A}"/>
              </a:ext>
            </a:extLst>
          </p:cNvPr>
          <p:cNvSpPr/>
          <p:nvPr>
            <p:custDataLst>
              <p:tags r:id="rId58"/>
            </p:custDataLst>
          </p:nvPr>
        </p:nvSpPr>
        <p:spPr>
          <a:xfrm>
            <a:off x="3750574" y="4023360"/>
            <a:ext cx="228600" cy="254000"/>
          </a:xfrm>
          <a:prstGeom prst="diamond">
            <a:avLst/>
          </a:prstGeom>
          <a:solidFill>
            <a:srgbClr val="595959"/>
          </a:solidFill>
          <a:ln w="1270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0" name="OTLSHAPE_SLA_caa315c717604e9b97ac374277642e90_Shape">
            <a:extLst>
              <a:ext uri="{FF2B5EF4-FFF2-40B4-BE49-F238E27FC236}">
                <a16:creationId xmlns:a16="http://schemas.microsoft.com/office/drawing/2014/main" id="{0A28CBAF-80A1-554B-ADA3-4E542DF6F569}"/>
              </a:ext>
            </a:extLst>
          </p:cNvPr>
          <p:cNvSpPr/>
          <p:nvPr>
            <p:custDataLst>
              <p:tags r:id="rId59"/>
            </p:custDataLst>
          </p:nvPr>
        </p:nvSpPr>
        <p:spPr>
          <a:xfrm>
            <a:off x="10016937" y="5359484"/>
            <a:ext cx="228600" cy="254000"/>
          </a:xfrm>
          <a:prstGeom prst="diamond">
            <a:avLst/>
          </a:prstGeom>
          <a:solidFill>
            <a:schemeClr val="accent5">
              <a:lumMod val="50000"/>
            </a:schemeClr>
          </a:solidFill>
          <a:ln w="1270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79" name="OTLSHAPE_SLA_1de29872684b4490998fa00fcca8387e_Shape">
            <a:extLst>
              <a:ext uri="{FF2B5EF4-FFF2-40B4-BE49-F238E27FC236}">
                <a16:creationId xmlns:a16="http://schemas.microsoft.com/office/drawing/2014/main" id="{872CDA74-576D-5538-B7AF-DA848C0594BC}"/>
              </a:ext>
            </a:extLst>
          </p:cNvPr>
          <p:cNvSpPr/>
          <p:nvPr>
            <p:custDataLst>
              <p:tags r:id="rId60"/>
            </p:custDataLst>
          </p:nvPr>
        </p:nvSpPr>
        <p:spPr>
          <a:xfrm>
            <a:off x="10256925" y="5857409"/>
            <a:ext cx="228600" cy="254000"/>
          </a:xfrm>
          <a:prstGeom prst="diamond">
            <a:avLst/>
          </a:prstGeom>
          <a:solidFill>
            <a:schemeClr val="accent5">
              <a:lumMod val="50000"/>
            </a:schemeClr>
          </a:solidFill>
          <a:ln w="1270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92" name="OTLSHAPE_SLA_9593423309d2429ba023913768d21857_Shape">
            <a:extLst>
              <a:ext uri="{FF2B5EF4-FFF2-40B4-BE49-F238E27FC236}">
                <a16:creationId xmlns:a16="http://schemas.microsoft.com/office/drawing/2014/main" id="{25A09CD6-A9AA-1AA4-0EAB-CBDAB132E10A}"/>
              </a:ext>
            </a:extLst>
          </p:cNvPr>
          <p:cNvSpPr/>
          <p:nvPr>
            <p:custDataLst>
              <p:tags r:id="rId61"/>
            </p:custDataLst>
          </p:nvPr>
        </p:nvSpPr>
        <p:spPr>
          <a:xfrm>
            <a:off x="10256925" y="6355334"/>
            <a:ext cx="228600" cy="254000"/>
          </a:xfrm>
          <a:prstGeom prst="diamond">
            <a:avLst/>
          </a:prstGeom>
          <a:solidFill>
            <a:schemeClr val="accent5">
              <a:lumMod val="50000"/>
            </a:schemeClr>
          </a:solidFill>
          <a:ln w="12700" cap="flat" cmpd="sng" algn="ctr">
            <a:solidFill>
              <a:schemeClr val="bg1">
                <a:lumMod val="9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8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 panose="020F0502020204030204"/>
              <a:ea typeface="+mn-ea"/>
              <a:cs typeface="+mn-cs"/>
            </a:endParaRPr>
          </a:p>
        </p:txBody>
      </p:sp>
      <p:sp>
        <p:nvSpPr>
          <p:cNvPr id="27" name="OTLSHAPE_M_4ffd10218bf1488a83ea031f58ba1162_Title">
            <a:extLst>
              <a:ext uri="{FF2B5EF4-FFF2-40B4-BE49-F238E27FC236}">
                <a16:creationId xmlns:a16="http://schemas.microsoft.com/office/drawing/2014/main" id="{4A629A4C-3BB9-4180-A720-8AD9A1BC052D}"/>
              </a:ext>
            </a:extLst>
          </p:cNvPr>
          <p:cNvSpPr txBox="1"/>
          <p:nvPr>
            <p:custDataLst>
              <p:tags r:id="rId62"/>
            </p:custDataLst>
          </p:nvPr>
        </p:nvSpPr>
        <p:spPr>
          <a:xfrm>
            <a:off x="3517444" y="3842935"/>
            <a:ext cx="698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6" normalizeH="0" baseline="0" noProof="0" dirty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artner NDAs</a:t>
            </a:r>
          </a:p>
        </p:txBody>
      </p:sp>
      <p:sp>
        <p:nvSpPr>
          <p:cNvPr id="62" name="OTLSHAPE_SLA_caa315c717604e9b97ac374277642e90_Title">
            <a:extLst>
              <a:ext uri="{FF2B5EF4-FFF2-40B4-BE49-F238E27FC236}">
                <a16:creationId xmlns:a16="http://schemas.microsoft.com/office/drawing/2014/main" id="{C9BAB98F-DF99-238C-F9B8-DF6FF0D95A8A}"/>
              </a:ext>
            </a:extLst>
          </p:cNvPr>
          <p:cNvSpPr txBox="1"/>
          <p:nvPr>
            <p:custDataLst>
              <p:tags r:id="rId63"/>
            </p:custDataLst>
          </p:nvPr>
        </p:nvSpPr>
        <p:spPr>
          <a:xfrm>
            <a:off x="9681974" y="5179060"/>
            <a:ext cx="901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4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Web App Release</a:t>
            </a:r>
          </a:p>
        </p:txBody>
      </p:sp>
      <p:sp>
        <p:nvSpPr>
          <p:cNvPr id="71" name="OTLSHAPE_SLA_1de29872684b4490998fa00fcca8387e_Title">
            <a:extLst>
              <a:ext uri="{FF2B5EF4-FFF2-40B4-BE49-F238E27FC236}">
                <a16:creationId xmlns:a16="http://schemas.microsoft.com/office/drawing/2014/main" id="{4D7ED150-247A-C10D-0DE9-1BE8E0DB7BCA}"/>
              </a:ext>
            </a:extLst>
          </p:cNvPr>
          <p:cNvSpPr txBox="1"/>
          <p:nvPr>
            <p:custDataLst>
              <p:tags r:id="rId64"/>
            </p:custDataLst>
          </p:nvPr>
        </p:nvSpPr>
        <p:spPr>
          <a:xfrm>
            <a:off x="9859225" y="5676984"/>
            <a:ext cx="1028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Mobile App Release</a:t>
            </a:r>
          </a:p>
        </p:txBody>
      </p:sp>
      <p:sp>
        <p:nvSpPr>
          <p:cNvPr id="86" name="OTLSHAPE_SLA_9593423309d2429ba023913768d21857_Title">
            <a:extLst>
              <a:ext uri="{FF2B5EF4-FFF2-40B4-BE49-F238E27FC236}">
                <a16:creationId xmlns:a16="http://schemas.microsoft.com/office/drawing/2014/main" id="{3945C2B1-6380-43B0-10AA-AF675C438BF8}"/>
              </a:ext>
            </a:extLst>
          </p:cNvPr>
          <p:cNvSpPr txBox="1"/>
          <p:nvPr>
            <p:custDataLst>
              <p:tags r:id="rId65"/>
            </p:custDataLst>
          </p:nvPr>
        </p:nvSpPr>
        <p:spPr>
          <a:xfrm>
            <a:off x="9974414" y="6174909"/>
            <a:ext cx="800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1000" b="0" i="0" u="none" strike="noStrike" kern="1200" cap="none" spc="-2" normalizeH="0" baseline="0" noProof="0">
                <a:ln>
                  <a:noFill/>
                </a:ln>
                <a:solidFill>
                  <a:srgbClr val="7F7F7F"/>
                </a:solidFill>
                <a:effectLst/>
                <a:uLnTx/>
                <a:uFillTx/>
                <a:latin typeface="Calibri" panose="020F0502020204030204" pitchFamily="34" charset="0"/>
                <a:ea typeface="+mn-ea"/>
                <a:cs typeface="+mn-cs"/>
              </a:rPr>
              <a:t>PC App Release</a:t>
            </a:r>
          </a:p>
        </p:txBody>
      </p:sp>
      <p:sp>
        <p:nvSpPr>
          <p:cNvPr id="178" name="TextBox 177">
            <a:extLst>
              <a:ext uri="{FF2B5EF4-FFF2-40B4-BE49-F238E27FC236}">
                <a16:creationId xmlns:a16="http://schemas.microsoft.com/office/drawing/2014/main" id="{C8648C6C-BC10-4156-AE19-93C279CBCF73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1361088" y="3657309"/>
            <a:ext cx="9766300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kumimoji="0" lang="en-US" sz="2800" b="0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ea typeface="Inter" panose="02000503000000020004" pitchFamily="2" charset="0"/>
              </a:rPr>
              <a:t>Product Roadmap</a:t>
            </a:r>
          </a:p>
        </p:txBody>
      </p:sp>
      <p:graphicFrame>
        <p:nvGraphicFramePr>
          <p:cNvPr id="22" name="Table 21">
            <a:extLst>
              <a:ext uri="{FF2B5EF4-FFF2-40B4-BE49-F238E27FC236}">
                <a16:creationId xmlns:a16="http://schemas.microsoft.com/office/drawing/2014/main" id="{66EB85F0-F193-C03D-B5E7-73113811FB4E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929009230"/>
              </p:ext>
            </p:extLst>
          </p:nvPr>
        </p:nvGraphicFramePr>
        <p:xfrm>
          <a:off x="4761741" y="995883"/>
          <a:ext cx="6455093" cy="2595880"/>
        </p:xfrm>
        <a:graphic>
          <a:graphicData uri="http://schemas.openxmlformats.org/drawingml/2006/table">
            <a:tbl>
              <a:tblPr firstRow="1" bandRow="1">
                <a:tableStyleId>{073A0DAA-6AF3-43AB-8588-CEC1D06C72B9}</a:tableStyleId>
              </a:tblPr>
              <a:tblGrid>
                <a:gridCol w="1430655">
                  <a:extLst>
                    <a:ext uri="{9D8B030D-6E8A-4147-A177-3AD203B41FA5}">
                      <a16:colId xmlns:a16="http://schemas.microsoft.com/office/drawing/2014/main" val="3352492906"/>
                    </a:ext>
                  </a:extLst>
                </a:gridCol>
                <a:gridCol w="1002030">
                  <a:extLst>
                    <a:ext uri="{9D8B030D-6E8A-4147-A177-3AD203B41FA5}">
                      <a16:colId xmlns:a16="http://schemas.microsoft.com/office/drawing/2014/main" val="326558523"/>
                    </a:ext>
                  </a:extLst>
                </a:gridCol>
                <a:gridCol w="1049655">
                  <a:extLst>
                    <a:ext uri="{9D8B030D-6E8A-4147-A177-3AD203B41FA5}">
                      <a16:colId xmlns:a16="http://schemas.microsoft.com/office/drawing/2014/main" val="3987854059"/>
                    </a:ext>
                  </a:extLst>
                </a:gridCol>
                <a:gridCol w="865505">
                  <a:extLst>
                    <a:ext uri="{9D8B030D-6E8A-4147-A177-3AD203B41FA5}">
                      <a16:colId xmlns:a16="http://schemas.microsoft.com/office/drawing/2014/main" val="2012531800"/>
                    </a:ext>
                  </a:extLst>
                </a:gridCol>
                <a:gridCol w="1187768">
                  <a:extLst>
                    <a:ext uri="{9D8B030D-6E8A-4147-A177-3AD203B41FA5}">
                      <a16:colId xmlns:a16="http://schemas.microsoft.com/office/drawing/2014/main" val="2872106571"/>
                    </a:ext>
                  </a:extLst>
                </a:gridCol>
                <a:gridCol w="919480">
                  <a:extLst>
                    <a:ext uri="{9D8B030D-6E8A-4147-A177-3AD203B41FA5}">
                      <a16:colId xmlns:a16="http://schemas.microsoft.com/office/drawing/2014/main" val="440285279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r>
                        <a:rPr lang="en-US" sz="1400" dirty="0"/>
                        <a:t>Stakeholder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Unaware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Resistant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Neutral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Supportive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Leading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0251491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1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D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5260996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2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D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338337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3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28054632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4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95476762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5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D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54398859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400" dirty="0"/>
                        <a:t>Stakeholder 6 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C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sz="1400" dirty="0"/>
                        <a:t>D</a:t>
                      </a:r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400" dirty="0">
                        <a:latin typeface="Inter" panose="02000503000000020004" pitchFamily="2" charset="0"/>
                        <a:ea typeface="Inter" panose="02000503000000020004" pitchFamily="2" charset="0"/>
                      </a:endParaRP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859518582"/>
                  </a:ext>
                </a:extLst>
              </a:tr>
            </a:tbl>
          </a:graphicData>
        </a:graphic>
      </p:graphicFrame>
      <p:sp>
        <p:nvSpPr>
          <p:cNvPr id="23" name="TextBox 22">
            <a:extLst>
              <a:ext uri="{FF2B5EF4-FFF2-40B4-BE49-F238E27FC236}">
                <a16:creationId xmlns:a16="http://schemas.microsoft.com/office/drawing/2014/main" id="{349E1965-39D1-7E3C-C543-ACDE6953E68E}"/>
              </a:ext>
            </a:extLst>
          </p:cNvPr>
          <p:cNvSpPr txBox="1"/>
          <p:nvPr/>
        </p:nvSpPr>
        <p:spPr>
          <a:xfrm rot="5400000">
            <a:off x="5570966" y="-3795527"/>
            <a:ext cx="738664" cy="8633255"/>
          </a:xfrm>
          <a:prstGeom prst="rect">
            <a:avLst/>
          </a:prstGeom>
          <a:noFill/>
        </p:spPr>
        <p:txBody>
          <a:bodyPr vert="vert270" wrap="square" rtlCol="0">
            <a:spAutoFit/>
          </a:bodyPr>
          <a:lstStyle/>
          <a:p>
            <a:pPr algn="ctr"/>
            <a:r>
              <a:rPr lang="en-US" sz="3600" dirty="0">
                <a:latin typeface="Open Sans SemiBold" panose="020B0706030804020204" pitchFamily="34" charset="0"/>
                <a:ea typeface="Open Sans SemiBold" panose="020B0706030804020204" pitchFamily="34" charset="0"/>
                <a:cs typeface="Open Sans SemiBold" panose="020B0706030804020204" pitchFamily="34" charset="0"/>
              </a:rPr>
              <a:t>Stakeholder Analysis Template</a:t>
            </a:r>
          </a:p>
        </p:txBody>
      </p:sp>
      <p:graphicFrame>
        <p:nvGraphicFramePr>
          <p:cNvPr id="26" name="Diagram 25">
            <a:extLst>
              <a:ext uri="{FF2B5EF4-FFF2-40B4-BE49-F238E27FC236}">
                <a16:creationId xmlns:a16="http://schemas.microsoft.com/office/drawing/2014/main" id="{6678B434-ADA4-7391-60C2-49B2D7A0D23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818381844"/>
              </p:ext>
            </p:extLst>
          </p:nvPr>
        </p:nvGraphicFramePr>
        <p:xfrm>
          <a:off x="700255" y="885077"/>
          <a:ext cx="3832418" cy="255494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68" r:lo="rId69" r:qs="rId70" r:cs="rId71"/>
          </a:graphicData>
        </a:graphic>
      </p:graphicFrame>
      <p:cxnSp>
        <p:nvCxnSpPr>
          <p:cNvPr id="30" name="Straight Arrow Connector 29">
            <a:extLst>
              <a:ext uri="{FF2B5EF4-FFF2-40B4-BE49-F238E27FC236}">
                <a16:creationId xmlns:a16="http://schemas.microsoft.com/office/drawing/2014/main" id="{EBFC2787-70DE-53AE-CE01-6F7D40ECBBB7}"/>
              </a:ext>
            </a:extLst>
          </p:cNvPr>
          <p:cNvCxnSpPr>
            <a:cxnSpLocks/>
          </p:cNvCxnSpPr>
          <p:nvPr/>
        </p:nvCxnSpPr>
        <p:spPr>
          <a:xfrm flipV="1">
            <a:off x="401586" y="995883"/>
            <a:ext cx="0" cy="2593492"/>
          </a:xfrm>
          <a:prstGeom prst="straightConnector1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Straight Arrow Connector 31">
            <a:extLst>
              <a:ext uri="{FF2B5EF4-FFF2-40B4-BE49-F238E27FC236}">
                <a16:creationId xmlns:a16="http://schemas.microsoft.com/office/drawing/2014/main" id="{713DF924-93D7-C106-94E7-564BDD2251FE}"/>
              </a:ext>
            </a:extLst>
          </p:cNvPr>
          <p:cNvCxnSpPr>
            <a:cxnSpLocks/>
          </p:cNvCxnSpPr>
          <p:nvPr/>
        </p:nvCxnSpPr>
        <p:spPr>
          <a:xfrm>
            <a:off x="391754" y="3591763"/>
            <a:ext cx="4156188" cy="0"/>
          </a:xfrm>
          <a:prstGeom prst="straightConnector1">
            <a:avLst/>
          </a:prstGeom>
          <a:ln w="19050">
            <a:solidFill>
              <a:schemeClr val="tx1">
                <a:lumMod val="65000"/>
                <a:lumOff val="35000"/>
              </a:schemeClr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5" name="TextBox 34">
            <a:extLst>
              <a:ext uri="{FF2B5EF4-FFF2-40B4-BE49-F238E27FC236}">
                <a16:creationId xmlns:a16="http://schemas.microsoft.com/office/drawing/2014/main" id="{2E0900C4-BD5E-EAA4-E3B4-4C5C48A1ED18}"/>
              </a:ext>
            </a:extLst>
          </p:cNvPr>
          <p:cNvSpPr txBox="1"/>
          <p:nvPr/>
        </p:nvSpPr>
        <p:spPr>
          <a:xfrm>
            <a:off x="2285854" y="3312376"/>
            <a:ext cx="73350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aseline="-3000" dirty="0"/>
              <a:t>Interest</a:t>
            </a:r>
          </a:p>
        </p:txBody>
      </p:sp>
      <p:sp>
        <p:nvSpPr>
          <p:cNvPr id="36" name="TextBox 35">
            <a:extLst>
              <a:ext uri="{FF2B5EF4-FFF2-40B4-BE49-F238E27FC236}">
                <a16:creationId xmlns:a16="http://schemas.microsoft.com/office/drawing/2014/main" id="{B3386A74-EC24-D2C7-E43E-FB2972542CE2}"/>
              </a:ext>
            </a:extLst>
          </p:cNvPr>
          <p:cNvSpPr txBox="1"/>
          <p:nvPr/>
        </p:nvSpPr>
        <p:spPr>
          <a:xfrm rot="16200000">
            <a:off x="173798" y="1995239"/>
            <a:ext cx="73350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aseline="-3000" dirty="0"/>
              <a:t>Power</a:t>
            </a:r>
          </a:p>
        </p:txBody>
      </p:sp>
      <p:pic>
        <p:nvPicPr>
          <p:cNvPr id="43" name="Picture 42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DAB7DB29-12BB-31BC-C4F0-5B9818AB0E6A}"/>
              </a:ext>
            </a:extLst>
          </p:cNvPr>
          <p:cNvPicPr>
            <a:picLocks noChangeAspect="1"/>
          </p:cNvPicPr>
          <p:nvPr/>
        </p:nvPicPr>
        <p:blipFill>
          <a:blip r:embed="rId7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 rot="16200000">
            <a:off x="10238035" y="5465470"/>
            <a:ext cx="2333128" cy="321429"/>
          </a:xfrm>
          <a:prstGeom prst="rect">
            <a:avLst/>
          </a:prstGeom>
        </p:spPr>
      </p:pic>
      <p:sp>
        <p:nvSpPr>
          <p:cNvPr id="87" name="TextBox 86">
            <a:extLst>
              <a:ext uri="{FF2B5EF4-FFF2-40B4-BE49-F238E27FC236}">
                <a16:creationId xmlns:a16="http://schemas.microsoft.com/office/drawing/2014/main" id="{5A28729C-E4C9-FCBF-FB2F-4B2C6F5CA09E}"/>
              </a:ext>
            </a:extLst>
          </p:cNvPr>
          <p:cNvSpPr txBox="1"/>
          <p:nvPr/>
        </p:nvSpPr>
        <p:spPr>
          <a:xfrm>
            <a:off x="11214388" y="1359452"/>
            <a:ext cx="948116" cy="4154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050" dirty="0">
                <a:effectLst/>
              </a:rPr>
              <a:t>C = current</a:t>
            </a:r>
            <a:br>
              <a:rPr lang="en-US" sz="1050" dirty="0">
                <a:effectLst/>
              </a:rPr>
            </a:br>
            <a:r>
              <a:rPr lang="en-US" sz="1050" dirty="0">
                <a:effectLst/>
              </a:rPr>
              <a:t>D = desirable</a:t>
            </a:r>
            <a:endParaRPr lang="en-US" sz="1050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714525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zg0IiwiVG9wIjowLjAsIkxlZnQiOjAuMCwiUmlnaHQiOjAuMCwiQm90dG9tIjowLjB9LCJQYWRkaW5nIjp7IiRpZCI6IjM4NSIsIlRvcCI6MC4wLCJMZWZ0IjowLjAsIlJpZ2h0IjowLjAsIkJvdHRvbSI6MC4wfSwiQmFja2dyb3VuZCI6eyIkcmVmIjoiMTEwIn0sIklzVmlzaWJsZSI6dHJ1ZSwiV2lkdGgiOjAuMCwiSGVpZ2h0IjowLjAsIkJvcmRlclN0eWxlIjp7IiRpZCI6IjM4NiIsIkxpbmVDb2xvciI6bnVsbCwiTGluZVdlaWdodCI6MC4wLCJMaW5lVHlwZSI6MCwiUGFyZW50U3R5bGUiOm51bGx9LCJQYXJlbnRTdHlsZSI6bnVsbH0sIkRhdGVGb3JtYXQiOnsiJGlkIjoiMzg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TU0IiwiVG9wIjowLjAsIkxlZnQiOjAuMCwiUmlnaHQiOjAuMCwiQm90dG9tIjowLjB9LCJQYWRkaW5nIjp7IiRpZCI6IjU1NSIsIlRvcCI6MC4wLCJMZWZ0IjowLjAsIlJpZ2h0IjowLjAsIkJvdHRvbSI6MC4wfSwiQmFja2dyb3VuZCI6eyIkcmVmIjoiMTEwIn0sIklzVmlzaWJsZSI6dHJ1ZSwiV2lkdGgiOjAuMCwiSGVpZ2h0IjowLjAsIkJvcmRlclN0eWxlIjp7IiRpZCI6IjU1NiIsIkxpbmVDb2xvciI6bnVsbCwiTGluZVdlaWdodCI6MC4wLCJMaW5lVHlwZSI6MCwiUGFyZW50U3R5bGUiOm51bGx9LCJQYXJlbnRTdHlsZSI6bnVsbH0sIkRhdGVGb3JtYXQiOnsiJGlkIjoiNTU3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g0OSIsIkZvcm1hdCI6MCwiSXNWaXNpYmxlIjpmYWxzZSwiTGFzdEtub3duVmlzaWJpbGl0eVN0YXRlIjpmYWxzZX0sIklzVmlzaWJsZSI6dHJ1ZSwiUGFyZW50U3R5bGUiOm51bGwsIl9leHBsaWNpdGx5U2V0Ijp7IiRpZCI6Ijg1M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1-01T08:00:00.0000000Z"/>
  <p:tag name="OTLENDDATE" val="2020-03-02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3-03T08:00:00.0000000Z"/>
  <p:tag name="OTLENDDATE" val="2020-07-28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7-29T08:00:00.0000000Z"/>
  <p:tag name="OTLENDDATE" val="2020-12-28T17:00:00.0000000Z"/>
  <p:tag name="OTLDURATIONFORMAT" val="weeks"/>
  <p:tag name="OTLSPACING" val="10"/>
  <p:tag name="OTLSHAPETHICKNESSTYPE" val="Regular"/>
  <p:tag name="OTLWEEKNUMBERINGFORMAT" val="WNFormat1"/>
  <p:tag name="OTLWEEKNUMBERINGISVISIBLE" val="False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0-12-28T17:00:00.0000000Z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0-02-11T08:00:00.000000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ENDDATE" val="2020-12-28T17:00:00.0000000Z"/>
  <p:tag name="OTLDURATIONFORMAT" val="weeks"/>
  <p:tag name="OTLSPACING" val="5"/>
  <p:tag name="OTLSHAPETHICKNESSTYPE" val="Regular"/>
  <p:tag name="OTLWEEKNUMBERINGFORMAT" val="WNFormat1"/>
  <p:tag name="OTLWEEKNUMBERINGISVISIBLE" val="False"/>
  <p:tag name="OTLSTARTDATE" val="2020-05-05T08:00:00.0000000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STARTDATE" val="2020-06-23T08:00:00.0000000Z"/>
  <p:tag name="OTLENDDATE" val="2020-12-28T17:00:00.0000000Z"/>
  <p:tag name="OTLDURATIONFORMAT" val="weeks"/>
  <p:tag name="OTLSPACING" val="3"/>
  <p:tag name="OTLSHAPETHICKNESSTYPE" val="Regular"/>
  <p:tag name="OTLWEEKNUMBERINGFORMAT" val="WNFormat1"/>
  <p:tag name="OTLWEEKNUMBERINGISVISIBLE" val="Fals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TIMEBANDCULTUREINFO" val="en-US"/>
  <p:tag name="OTLTIMEBANDQUICKPOSITION" val="Custom"/>
  <p:tag name="OTLTIMEBANDTHREEDEFFECTS" val="None"/>
  <p:tag name="OTLTIMEBANDAUTODATERANGE" val="True"/>
  <p:tag name="OTLTIMEBANDSTARTDATE" val="0001-01-01T00:00:00.0000000"/>
  <p:tag name="OTLTIMEBANDENDDATE" val="2020-12-28T17:00:00.0000000Z"/>
  <p:tag name="OTLTIMEBANDWORKINGDAYS" val="Standard"/>
  <p:tag name="OTLTIMEBANDELAPSEDTIMEEXTENSION" val="False"/>
  <p:tag name="OTLTIMEBANDUSETIME" val="Fals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52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MMM"/>
  <p:tag name="OTLTIMEBANDSCALETYPE" val="Months"/>
  <p:tag name="OTLTIMEBANDSHAPETYPE" val="RectangleTimeband"/>
  <p:tag name="OTLTIMEBANDSHAPEHEIGHT" val="30"/>
  <p:tag name="OTLTIMEBANDSHAPEPADDINGLEFT" val="0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artner NDAs"/>
  <p:tag name="OTLDATE" val="2020-04-01T17:00:00.0000000Z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Web App Release"/>
  <p:tag name="OTLDATE" val="2020-11-22T17:00:00.0000000Z"/>
  <p:tag name="OTLPOSITIONONTASK" val="Center"/>
  <p:tag name="OTLRELATEDTASKID" val="55a1c083-505d-40d8-9032-1eae358e7d02"/>
  <p:tag name="OTLWEEKNUMBERINGFORMAT" val="WNFormat1"/>
  <p:tag name="OTLWEEKNUMBERINGISVISIBLE" val="Fals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SWIMLANESPACING" val="5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Mobile App Release"/>
  <p:tag name="OTLDATE" val="2020-12-01T17:00:00.0000000Z"/>
  <p:tag name="OTLPOSITIONONTASK" val="Center"/>
  <p:tag name="OTLRELATEDTASKID" val="c28e65e2-a5c2-42bf-8fa2-ad37ed1c2cd8"/>
  <p:tag name="OTLWEEKNUMBERINGFORMAT" val="WNFormat1"/>
  <p:tag name="OTLWEEKNUMBERINGISVISIBLE" val="False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False"/>
  <p:tag name="OTLDATEFORMATAMPMDESIGNATOR" val="AmPmLowerCase"/>
  <p:tag name="OTLDATEFORMATHOURDIGITS" val="H"/>
  <p:tag name="OTLDATEFORMATTRIM00MINUTES" val="False"/>
  <p:tag name="OTLMTITLE" val="PC App Release"/>
  <p:tag name="OTLDATE" val="2020-12-01T17:00:00.0000000Z"/>
  <p:tag name="OTLPOSITIONONTASK" val="Center"/>
  <p:tag name="OTLRELATEDTASKID" val="5487a43a-7f0d-4e34-94ef-9321b3bae6dc"/>
  <p:tag name="OTLWEEKNUMBERINGFORMAT" val="WNFormat1"/>
  <p:tag name="OTLWEEKNUMBERINGISVISIBLE" val="False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ALREADY-CHECKED" val="TRU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02</Words>
  <Application>Microsoft Office PowerPoint</Application>
  <PresentationFormat>Widescreen</PresentationFormat>
  <Paragraphs>74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9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12" baseType="lpstr">
      <vt:lpstr>Arial</vt:lpstr>
      <vt:lpstr>Calibri</vt:lpstr>
      <vt:lpstr>Calibri Light</vt:lpstr>
      <vt:lpstr>Corbel</vt:lpstr>
      <vt:lpstr>Inter</vt:lpstr>
      <vt:lpstr>Open Sans SemiBold</vt:lpstr>
      <vt:lpstr>Segoe UI</vt:lpstr>
      <vt:lpstr>Segoe UI Light</vt:lpstr>
      <vt:lpstr>Segoe UI Semibold</vt:lpstr>
      <vt:lpstr>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4-01-16T09:35:42Z</dcterms:created>
  <dcterms:modified xsi:type="dcterms:W3CDTF">2024-01-17T07:52:30Z</dcterms:modified>
</cp:coreProperties>
</file>